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京浜運河千鳥町" sheetId="1" r:id="rId1"/>
    <sheet name="東扇島防波堤西" sheetId="2" r:id="rId2"/>
    <sheet name="京浜運河扇町" sheetId="3" r:id="rId3"/>
    <sheet name="鶴見川河口先" sheetId="4" r:id="rId4"/>
    <sheet name="横浜港内" sheetId="5" r:id="rId5"/>
    <sheet name="磯子沖" sheetId="6" r:id="rId6"/>
    <sheet name="夏島沖" sheetId="7" r:id="rId7"/>
    <sheet name="浮島沖" sheetId="8" r:id="rId8"/>
    <sheet name="平潟湾内" sheetId="9" r:id="rId9"/>
    <sheet name="東扇島沖" sheetId="10" r:id="rId10"/>
    <sheet name="扇島沖" sheetId="11" r:id="rId11"/>
    <sheet name="本牧沖" sheetId="12" r:id="rId12"/>
    <sheet name="富岡沖" sheetId="13" r:id="rId13"/>
    <sheet name="平潟湾沖" sheetId="14" r:id="rId14"/>
    <sheet name="大津湾" sheetId="15" r:id="rId15"/>
    <sheet name="浦賀港内" sheetId="16" r:id="rId16"/>
    <sheet name="久里浜港内" sheetId="17" r:id="rId17"/>
    <sheet name="中の瀬北" sheetId="18" r:id="rId18"/>
    <sheet name="中の瀬南" sheetId="19" r:id="rId19"/>
    <sheet name="第三海堡東" sheetId="20" r:id="rId20"/>
    <sheet name="浦賀沖" sheetId="21" r:id="rId21"/>
    <sheet name="剱崎沖" sheetId="22" r:id="rId22"/>
  </sheets>
  <calcPr calcId="0"/>
</workbook>
</file>

<file path=xl/sharedStrings.xml><?xml version="1.0" encoding="utf-8"?>
<sst xmlns="http://schemas.openxmlformats.org/spreadsheetml/2006/main" count="12910" uniqueCount="573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2</t>
  </si>
  <si>
    <t>晴れ</t>
  </si>
  <si>
    <t>19.1</t>
  </si>
  <si>
    <t>17.4</t>
  </si>
  <si>
    <t>0.5</t>
  </si>
  <si>
    <t>14.9</t>
  </si>
  <si>
    <t>2.7</t>
  </si>
  <si>
    <t>通常の状況</t>
  </si>
  <si>
    <t>灰黄緑色・濃（暗）</t>
  </si>
  <si>
    <t>無臭</t>
  </si>
  <si>
    <t>8.1</t>
  </si>
  <si>
    <t>4.0</t>
  </si>
  <si>
    <t>15.1</t>
  </si>
  <si>
    <t>13.9</t>
  </si>
  <si>
    <t>8.0</t>
  </si>
  <si>
    <t>2.8</t>
  </si>
  <si>
    <t>2018/05/10</t>
  </si>
  <si>
    <t>曇り</t>
  </si>
  <si>
    <t>30mm以上</t>
  </si>
  <si>
    <t>14.7</t>
  </si>
  <si>
    <t>19.2</t>
  </si>
  <si>
    <t>3.7</t>
  </si>
  <si>
    <t>17.6</t>
  </si>
  <si>
    <t>3.5</t>
  </si>
  <si>
    <t>2018/06/06</t>
  </si>
  <si>
    <t>雨</t>
  </si>
  <si>
    <t>23.8</t>
  </si>
  <si>
    <t>23.9</t>
  </si>
  <si>
    <t>1.9</t>
  </si>
  <si>
    <t>8.4</t>
  </si>
  <si>
    <t>17.2</t>
  </si>
  <si>
    <t>2.3</t>
  </si>
  <si>
    <t>2018/07/11</t>
  </si>
  <si>
    <t>29.9</t>
  </si>
  <si>
    <t>27.3</t>
  </si>
  <si>
    <t>15.0</t>
  </si>
  <si>
    <t>1.3</t>
  </si>
  <si>
    <t>8.3</t>
  </si>
  <si>
    <t>4.8</t>
  </si>
  <si>
    <t>22.0</t>
  </si>
  <si>
    <t>14.0</t>
  </si>
  <si>
    <t>7.3</t>
  </si>
  <si>
    <t>2018/08/01</t>
  </si>
  <si>
    <t>快晴</t>
  </si>
  <si>
    <t>降雨なし</t>
  </si>
  <si>
    <t>29.3</t>
  </si>
  <si>
    <t>28.5</t>
  </si>
  <si>
    <t>15.3</t>
  </si>
  <si>
    <t>赤潮（またはアオコ等）が発生している</t>
  </si>
  <si>
    <t>茶色・中</t>
  </si>
  <si>
    <t>8.7</t>
  </si>
  <si>
    <t>7.1</t>
  </si>
  <si>
    <t>21.3</t>
  </si>
  <si>
    <t>14.3</t>
  </si>
  <si>
    <t>7.4</t>
  </si>
  <si>
    <t>2018/09/07</t>
  </si>
  <si>
    <t>27.2</t>
  </si>
  <si>
    <t>26.6</t>
  </si>
  <si>
    <t>8.2</t>
  </si>
  <si>
    <t>24.7</t>
  </si>
  <si>
    <t>13.7</t>
  </si>
  <si>
    <t>2018/10/03</t>
  </si>
  <si>
    <t>21.8</t>
  </si>
  <si>
    <t>22.2</t>
  </si>
  <si>
    <t>14.5</t>
  </si>
  <si>
    <t>2.5</t>
  </si>
  <si>
    <t>緑色・濃（暗）</t>
  </si>
  <si>
    <t>7.9</t>
  </si>
  <si>
    <t>22.3</t>
  </si>
  <si>
    <t>13.5</t>
  </si>
  <si>
    <t>7.0</t>
  </si>
  <si>
    <t>2018/11/07</t>
  </si>
  <si>
    <t>17.0</t>
  </si>
  <si>
    <t>21.1</t>
  </si>
  <si>
    <t>14.8</t>
  </si>
  <si>
    <t>3.8</t>
  </si>
  <si>
    <t>19.9</t>
  </si>
  <si>
    <t>13.8</t>
  </si>
  <si>
    <t>2.2</t>
  </si>
  <si>
    <t>7.2</t>
  </si>
  <si>
    <t>2018/12/05</t>
  </si>
  <si>
    <t>10mm以上20mm未満</t>
  </si>
  <si>
    <t>18.5</t>
  </si>
  <si>
    <t>18.3</t>
  </si>
  <si>
    <t>14.6</t>
  </si>
  <si>
    <t>2.4</t>
  </si>
  <si>
    <t>18.0</t>
  </si>
  <si>
    <t>13.6</t>
  </si>
  <si>
    <t>1.7</t>
  </si>
  <si>
    <t>2019/01/10</t>
  </si>
  <si>
    <t>4.7</t>
  </si>
  <si>
    <t>12.2</t>
  </si>
  <si>
    <t>15.5</t>
  </si>
  <si>
    <t>3.9</t>
  </si>
  <si>
    <t>12.6</t>
  </si>
  <si>
    <t>7.5</t>
  </si>
  <si>
    <t>2019/02/06</t>
  </si>
  <si>
    <t>6.9</t>
  </si>
  <si>
    <t>13.3</t>
  </si>
  <si>
    <t>2.9</t>
  </si>
  <si>
    <t>2.6</t>
  </si>
  <si>
    <t>10.9</t>
  </si>
  <si>
    <t>2019/03/06</t>
  </si>
  <si>
    <t>11.8</t>
  </si>
  <si>
    <t>4.6</t>
  </si>
  <si>
    <t>3.4</t>
  </si>
  <si>
    <t>11.7</t>
  </si>
  <si>
    <t>3.1</t>
  </si>
  <si>
    <t>18.8</t>
  </si>
  <si>
    <t>16.1</t>
  </si>
  <si>
    <t>17.5</t>
  </si>
  <si>
    <t>3.0</t>
  </si>
  <si>
    <t>16.5</t>
  </si>
  <si>
    <t>14.1</t>
  </si>
  <si>
    <t>17.3</t>
  </si>
  <si>
    <t>4.1</t>
  </si>
  <si>
    <t>15.7</t>
  </si>
  <si>
    <t>16.6</t>
  </si>
  <si>
    <t>23.4</t>
  </si>
  <si>
    <t>23.3</t>
  </si>
  <si>
    <t>8.5</t>
  </si>
  <si>
    <t>16.2</t>
  </si>
  <si>
    <t>7.8</t>
  </si>
  <si>
    <t>2.1</t>
  </si>
  <si>
    <t>29.5</t>
  </si>
  <si>
    <t>26.5</t>
  </si>
  <si>
    <t>21.4</t>
  </si>
  <si>
    <t>30.3</t>
  </si>
  <si>
    <t>26.2</t>
  </si>
  <si>
    <t>17.1</t>
  </si>
  <si>
    <t>1.6</t>
  </si>
  <si>
    <t>黄緑色・中</t>
  </si>
  <si>
    <t>27.5</t>
  </si>
  <si>
    <t>26.4</t>
  </si>
  <si>
    <t>25.6</t>
  </si>
  <si>
    <t>22.5</t>
  </si>
  <si>
    <t>黄緑色・濃（暗）</t>
  </si>
  <si>
    <t>3.3</t>
  </si>
  <si>
    <t>16.4</t>
  </si>
  <si>
    <t>19.6</t>
  </si>
  <si>
    <t>16.0</t>
  </si>
  <si>
    <t>18.6</t>
  </si>
  <si>
    <t>17.8</t>
  </si>
  <si>
    <t>3.6</t>
  </si>
  <si>
    <t>2.0</t>
  </si>
  <si>
    <t>6.1</t>
  </si>
  <si>
    <t>灰緑色・中</t>
  </si>
  <si>
    <t>12.0</t>
  </si>
  <si>
    <t>8.6</t>
  </si>
  <si>
    <t>10.7</t>
  </si>
  <si>
    <t>10.6</t>
  </si>
  <si>
    <t>16.3</t>
  </si>
  <si>
    <t>12.3</t>
  </si>
  <si>
    <t>5.0</t>
  </si>
  <si>
    <t>3.2</t>
  </si>
  <si>
    <t>11.2</t>
  </si>
  <si>
    <t>4.4</t>
  </si>
  <si>
    <t>24.0</t>
  </si>
  <si>
    <t>17.9</t>
  </si>
  <si>
    <t>13.1</t>
  </si>
  <si>
    <t>6.4</t>
  </si>
  <si>
    <t>6.8</t>
  </si>
  <si>
    <t>30.6</t>
  </si>
  <si>
    <t>29.0</t>
  </si>
  <si>
    <t>14.2</t>
  </si>
  <si>
    <t>1.0</t>
  </si>
  <si>
    <t>8.8</t>
  </si>
  <si>
    <t>21.6</t>
  </si>
  <si>
    <t>13.2</t>
  </si>
  <si>
    <t>27.7</t>
  </si>
  <si>
    <t>14.4</t>
  </si>
  <si>
    <t>24.9</t>
  </si>
  <si>
    <t>13.4</t>
  </si>
  <si>
    <t>23.2</t>
  </si>
  <si>
    <t>20.5</t>
  </si>
  <si>
    <t>1.8</t>
  </si>
  <si>
    <t>19.4</t>
  </si>
  <si>
    <t>12.7</t>
  </si>
  <si>
    <t>6.6</t>
  </si>
  <si>
    <t>13.0</t>
  </si>
  <si>
    <t>11.9</t>
  </si>
  <si>
    <t>4.5</t>
  </si>
  <si>
    <t>緑色・中</t>
  </si>
  <si>
    <t>10.8</t>
  </si>
  <si>
    <t>12.9</t>
  </si>
  <si>
    <t>6.7</t>
  </si>
  <si>
    <t>12.4</t>
  </si>
  <si>
    <t>11.4</t>
  </si>
  <si>
    <t>2018/04/13</t>
  </si>
  <si>
    <t>16.8</t>
  </si>
  <si>
    <t>18.1</t>
  </si>
  <si>
    <t>6.5</t>
  </si>
  <si>
    <t>19.5</t>
  </si>
  <si>
    <t>5.6</t>
  </si>
  <si>
    <t>27.4</t>
  </si>
  <si>
    <t>緑褐色・中</t>
  </si>
  <si>
    <t>5.5</t>
  </si>
  <si>
    <t>25.3</t>
  </si>
  <si>
    <t>32.5</t>
  </si>
  <si>
    <t>1.1</t>
  </si>
  <si>
    <t>褐色・中</t>
  </si>
  <si>
    <t>28.0</t>
  </si>
  <si>
    <t>26.7</t>
  </si>
  <si>
    <t>26.1</t>
  </si>
  <si>
    <t>22.9</t>
  </si>
  <si>
    <t>22.8</t>
  </si>
  <si>
    <t>22.6</t>
  </si>
  <si>
    <t>20.4</t>
  </si>
  <si>
    <t>2018/12/07</t>
  </si>
  <si>
    <t>15.6</t>
  </si>
  <si>
    <t>2019/01/17</t>
  </si>
  <si>
    <t>5.7</t>
  </si>
  <si>
    <t>11.1</t>
  </si>
  <si>
    <t>灰黄緑色・淡（明）</t>
  </si>
  <si>
    <t>6.0</t>
  </si>
  <si>
    <t>4.9</t>
  </si>
  <si>
    <t>16.9</t>
  </si>
  <si>
    <t>9.6</t>
  </si>
  <si>
    <t>11.0</t>
  </si>
  <si>
    <t>10.0</t>
  </si>
  <si>
    <t>5.9</t>
  </si>
  <si>
    <t>30.2</t>
  </si>
  <si>
    <t>10.4</t>
  </si>
  <si>
    <t>25.8</t>
  </si>
  <si>
    <t>9.4</t>
  </si>
  <si>
    <t>33.1</t>
  </si>
  <si>
    <t>30.0</t>
  </si>
  <si>
    <t>10.5</t>
  </si>
  <si>
    <t>23.1</t>
  </si>
  <si>
    <t>9.5</t>
  </si>
  <si>
    <t>10.2</t>
  </si>
  <si>
    <t>5.4</t>
  </si>
  <si>
    <t>23.0</t>
  </si>
  <si>
    <t>5.3</t>
  </si>
  <si>
    <t>17.7</t>
  </si>
  <si>
    <t>19.8</t>
  </si>
  <si>
    <t>20.3</t>
  </si>
  <si>
    <t>9.8</t>
  </si>
  <si>
    <t>5.2</t>
  </si>
  <si>
    <t>9.9</t>
  </si>
  <si>
    <t>11.3</t>
  </si>
  <si>
    <t>12.5</t>
  </si>
  <si>
    <t>10.3</t>
  </si>
  <si>
    <t>11.5</t>
  </si>
  <si>
    <t>20.7</t>
  </si>
  <si>
    <t>11.6</t>
  </si>
  <si>
    <t>26.0</t>
  </si>
  <si>
    <t>24.3</t>
  </si>
  <si>
    <t>29.1</t>
  </si>
  <si>
    <t>25.4</t>
  </si>
  <si>
    <t>21.0</t>
  </si>
  <si>
    <t>21.7</t>
  </si>
  <si>
    <t>18.2</t>
  </si>
  <si>
    <t>12.8</t>
  </si>
  <si>
    <t>12.1</t>
  </si>
  <si>
    <t>5.8</t>
  </si>
  <si>
    <t>6.2</t>
  </si>
  <si>
    <t>15.4</t>
  </si>
  <si>
    <t>2018/05/18</t>
  </si>
  <si>
    <t>9.0</t>
  </si>
  <si>
    <t>1.4</t>
  </si>
  <si>
    <t>20.8</t>
  </si>
  <si>
    <t>黒褐色・淡（明）</t>
  </si>
  <si>
    <t>2018/07/04</t>
  </si>
  <si>
    <t>21.2</t>
  </si>
  <si>
    <t>7.75</t>
  </si>
  <si>
    <t>34.3</t>
  </si>
  <si>
    <t>27.9</t>
  </si>
  <si>
    <t>21.5</t>
  </si>
  <si>
    <t>24.8</t>
  </si>
  <si>
    <t>24.6</t>
  </si>
  <si>
    <t>24.4</t>
  </si>
  <si>
    <t>緑青色・中</t>
  </si>
  <si>
    <t>18.7</t>
  </si>
  <si>
    <t>16.7</t>
  </si>
  <si>
    <t>1.5</t>
  </si>
  <si>
    <t>9.3</t>
  </si>
  <si>
    <t>25.9</t>
  </si>
  <si>
    <t>15.2</t>
  </si>
  <si>
    <t>25.2</t>
  </si>
  <si>
    <t>23.5</t>
  </si>
  <si>
    <t>26.3</t>
  </si>
  <si>
    <t>25.1</t>
  </si>
  <si>
    <t>24.1</t>
  </si>
  <si>
    <t>29.2</t>
  </si>
  <si>
    <t>1.2</t>
  </si>
  <si>
    <t>25.0</t>
  </si>
  <si>
    <t>25.5</t>
  </si>
  <si>
    <t>22.4</t>
  </si>
  <si>
    <t>0.8</t>
  </si>
  <si>
    <t>22.7</t>
  </si>
  <si>
    <t>24.5</t>
  </si>
  <si>
    <t>18.4</t>
  </si>
  <si>
    <t>&gt;2.2</t>
  </si>
  <si>
    <t>4.2</t>
  </si>
  <si>
    <t>31.5</t>
  </si>
  <si>
    <t>&gt;3.1</t>
  </si>
  <si>
    <t>21.9</t>
  </si>
  <si>
    <t>22.1</t>
  </si>
  <si>
    <t>&gt;2.7</t>
  </si>
  <si>
    <t>&gt;2.8</t>
  </si>
  <si>
    <t>9.7</t>
  </si>
  <si>
    <t>&gt;3.0</t>
  </si>
  <si>
    <t>&gt;2.9</t>
  </si>
  <si>
    <t>&gt;2.5</t>
  </si>
  <si>
    <t>28.3</t>
  </si>
  <si>
    <t>23.6</t>
  </si>
  <si>
    <t>28.7</t>
  </si>
  <si>
    <t>29.4</t>
  </si>
  <si>
    <t>28.2</t>
  </si>
  <si>
    <t>28.9</t>
  </si>
  <si>
    <t>19.7</t>
  </si>
  <si>
    <t>27.0</t>
  </si>
  <si>
    <t>0.7</t>
  </si>
  <si>
    <t>28.4</t>
  </si>
  <si>
    <t>青色・濃（暗）</t>
  </si>
  <si>
    <t>26.9</t>
  </si>
  <si>
    <t>29.6</t>
  </si>
  <si>
    <t>27.6</t>
  </si>
  <si>
    <t>19.3</t>
  </si>
  <si>
    <t>25.7</t>
  </si>
  <si>
    <t>31.2</t>
  </si>
  <si>
    <t>20.9</t>
  </si>
  <si>
    <t>28.1</t>
  </si>
  <si>
    <t>26.8</t>
  </si>
  <si>
    <t>15.9</t>
  </si>
  <si>
    <t>6.3</t>
  </si>
  <si>
    <t>19.0</t>
  </si>
  <si>
    <t>18.9</t>
  </si>
  <si>
    <t>31.7</t>
  </si>
  <si>
    <t>20.2</t>
  </si>
  <si>
    <t>20.0</t>
  </si>
  <si>
    <t>13.25</t>
  </si>
  <si>
    <t>33.8</t>
  </si>
  <si>
    <t>24.2</t>
  </si>
  <si>
    <t>20.6</t>
  </si>
  <si>
    <t>4.3</t>
  </si>
  <si>
    <t>4.25</t>
  </si>
  <si>
    <t>32.0</t>
  </si>
  <si>
    <t>31.0</t>
  </si>
  <si>
    <t>28.8</t>
  </si>
  <si>
    <t>31.3</t>
  </si>
  <si>
    <t>2018/04/19</t>
  </si>
  <si>
    <t>20mm以上30mm未満</t>
  </si>
  <si>
    <t>30.9</t>
  </si>
  <si>
    <t>2018/05/22</t>
  </si>
  <si>
    <t>30.8</t>
  </si>
  <si>
    <t>29.8</t>
  </si>
  <si>
    <t>30.7</t>
  </si>
  <si>
    <t>29.7</t>
  </si>
  <si>
    <t>2018/09/14</t>
  </si>
  <si>
    <t>31.6</t>
  </si>
  <si>
    <t>濁り多し（上流または近海で工事のため）</t>
  </si>
  <si>
    <t>灰黄緑色・中</t>
  </si>
  <si>
    <t>2018/11/15</t>
  </si>
  <si>
    <t>31.4</t>
  </si>
  <si>
    <t>30.4</t>
  </si>
  <si>
    <t>2019/02/13</t>
  </si>
  <si>
    <t>10.1</t>
  </si>
  <si>
    <t>41.4</t>
  </si>
  <si>
    <t>40.4</t>
  </si>
  <si>
    <t>42.0</t>
  </si>
  <si>
    <t>41.0</t>
  </si>
  <si>
    <t>41.3</t>
  </si>
  <si>
    <t>40.3</t>
  </si>
  <si>
    <t>41.2</t>
  </si>
  <si>
    <t>40.2</t>
  </si>
  <si>
    <t>42.6</t>
  </si>
  <si>
    <t>41.6</t>
  </si>
  <si>
    <t>42.2</t>
  </si>
  <si>
    <t>41.7</t>
  </si>
  <si>
    <t>40.7</t>
  </si>
  <si>
    <t>41.8</t>
  </si>
  <si>
    <t>40.8</t>
  </si>
  <si>
    <t>42.8</t>
  </si>
  <si>
    <t>7.6</t>
  </si>
  <si>
    <t>66.4</t>
  </si>
  <si>
    <t>50.0</t>
  </si>
  <si>
    <t>66.8</t>
  </si>
  <si>
    <t>65.8</t>
  </si>
  <si>
    <t>66.1</t>
  </si>
  <si>
    <t>66.0</t>
  </si>
  <si>
    <t>68.8</t>
  </si>
  <si>
    <t>0.9</t>
  </si>
  <si>
    <t>65.4</t>
  </si>
  <si>
    <t>15.8</t>
  </si>
  <si>
    <t>65.9</t>
  </si>
  <si>
    <t>65.5</t>
  </si>
  <si>
    <t>9.2</t>
  </si>
  <si>
    <t>350.0</t>
  </si>
  <si>
    <t>青緑色・中</t>
  </si>
  <si>
    <t>20.1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東京湾</t>
  </si>
  <si>
    <t>京浜運河千鳥町(14-601-01)</t>
  </si>
  <si>
    <t>海域C</t>
  </si>
  <si>
    <t>川崎市</t>
  </si>
  <si>
    <t>ＤＯ</t>
  </si>
  <si>
    <t>単位</t>
  </si>
  <si>
    <t>時：分</t>
  </si>
  <si>
    <t>℃</t>
  </si>
  <si>
    <t>m/s</t>
  </si>
  <si>
    <t>ｍ</t>
  </si>
  <si>
    <t>㎝</t>
  </si>
  <si>
    <t>上層（表層）</t>
  </si>
  <si>
    <t>0mm以上5mm未満</t>
  </si>
  <si>
    <t>下層</t>
  </si>
  <si>
    <t>東扇島防波堤西(14-601-02)</t>
  </si>
  <si>
    <t>京浜運河扇町(14-601-03)</t>
  </si>
  <si>
    <t>鶴見川河口先(14-601-04)</t>
  </si>
  <si>
    <t>横浜市</t>
  </si>
  <si>
    <t>横浜港内(14-601-05)</t>
  </si>
  <si>
    <t>磯子沖(14-602-01)</t>
  </si>
  <si>
    <t>夏島沖(14-603-01)</t>
  </si>
  <si>
    <t>横須賀市</t>
  </si>
  <si>
    <t>浮島沖(14-604-01)</t>
  </si>
  <si>
    <t>海域B</t>
  </si>
  <si>
    <t>平潟湾内(14-605-01)</t>
  </si>
  <si>
    <t>東扇島沖(14-606-01)</t>
  </si>
  <si>
    <t>扇島沖(14-606-02)</t>
  </si>
  <si>
    <t>本牧沖(14-606-03)</t>
  </si>
  <si>
    <t>富岡沖(14-606-04)</t>
  </si>
  <si>
    <t>平潟湾沖(14-606-51)</t>
  </si>
  <si>
    <t>大津湾(14-607-01)</t>
  </si>
  <si>
    <t>浦賀港内(14-608-01)</t>
  </si>
  <si>
    <t>久里浜港内(14-609-01)</t>
  </si>
  <si>
    <t>中の瀬北(14-610-01)</t>
  </si>
  <si>
    <t>海域A</t>
  </si>
  <si>
    <t>神奈川県</t>
  </si>
  <si>
    <t>中の瀬南(14-610-02)</t>
  </si>
  <si>
    <t>第三海堡東(14-611-01)</t>
  </si>
  <si>
    <t>浦賀沖(14-611-02)</t>
  </si>
  <si>
    <t>剱崎沖(14-611-51)</t>
  </si>
  <si>
    <t>ｎ-ヘキサン抽出物質</t>
  </si>
  <si>
    <t>鉛</t>
  </si>
  <si>
    <t>MPN/100mL</t>
  </si>
  <si>
    <t>&lt;0.5</t>
  </si>
  <si>
    <t>&lt;0.0003</t>
  </si>
  <si>
    <t>&lt;0.01</t>
  </si>
  <si>
    <t>&lt;0.005</t>
  </si>
  <si>
    <t>&lt;0.02</t>
  </si>
  <si>
    <t>&lt;0.0005</t>
  </si>
  <si>
    <t>&lt;0.0001</t>
  </si>
  <si>
    <t>&lt;2.0E00</t>
  </si>
  <si>
    <t>&lt;0.1</t>
  </si>
  <si>
    <t>&lt;0.0002</t>
  </si>
  <si>
    <t>&lt;0.001</t>
  </si>
  <si>
    <t>1，3-ジクロロプロペン</t>
  </si>
  <si>
    <t>銅</t>
  </si>
  <si>
    <t>溶解性鉄</t>
  </si>
  <si>
    <t>&lt;0.10</t>
  </si>
  <si>
    <t>&lt;0.002</t>
  </si>
  <si>
    <t>&lt;0.004</t>
  </si>
  <si>
    <t>&lt;0.05</t>
  </si>
  <si>
    <t>&lt;0.0006</t>
  </si>
  <si>
    <t>&lt;0.0004</t>
  </si>
  <si>
    <t>有機りん</t>
  </si>
  <si>
    <t>mS/m</t>
  </si>
  <si>
    <t>‰</t>
  </si>
  <si>
    <t>&lt;0.03</t>
  </si>
  <si>
    <t>&lt;0.008</t>
  </si>
  <si>
    <t>&lt;0.04</t>
  </si>
  <si>
    <t>&lt;004</t>
  </si>
  <si>
    <t>1，1，1-トリクロロエタン</t>
  </si>
  <si>
    <t>μg/L</t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上層、下層の混合</t>
  </si>
  <si>
    <t/>
  </si>
  <si>
    <t>&lt;0.00006</t>
  </si>
  <si>
    <t>0.0012</t>
  </si>
  <si>
    <t>0.0028</t>
  </si>
  <si>
    <t>0.0006</t>
  </si>
  <si>
    <t>0.0007</t>
  </si>
  <si>
    <t>0.0013</t>
  </si>
  <si>
    <t>0.0009</t>
  </si>
  <si>
    <t>0.00006</t>
  </si>
  <si>
    <t>0.0008</t>
  </si>
  <si>
    <t>0.0055</t>
  </si>
  <si>
    <t>0.0015</t>
  </si>
  <si>
    <t>0.0018</t>
  </si>
  <si>
    <t>0.0010</t>
  </si>
  <si>
    <t>0.0050</t>
  </si>
  <si>
    <t>0.0014</t>
  </si>
  <si>
    <t>0.0017</t>
  </si>
  <si>
    <t>0.0049</t>
  </si>
  <si>
    <t>0.001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521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66</v>
      </c>
      <c r="E1" s="1" t="s">
        <v>2</v>
      </c>
      <c r="F1" s="1" t="s">
        <v>467</v>
      </c>
      <c r="G1" s="1" t="s">
        <v>3</v>
      </c>
      <c r="H1" s="1" t="s">
        <v>46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4236111111111112</v>
      </c>
      <c r="C4" s="1" t="s">
        <v>476</v>
      </c>
      <c r="D4" s="1" t="s">
        <v>27</v>
      </c>
      <c r="E4" s="1" t="s">
        <v>477</v>
      </c>
      <c r="F4" s="1" t="s">
        <v>28</v>
      </c>
      <c r="G4" s="1" t="s">
        <v>29</v>
      </c>
      <c r="J4" s="1" t="s">
        <v>30</v>
      </c>
      <c r="K4" s="1" t="s">
        <v>31</v>
      </c>
      <c r="M4" s="1" t="s">
        <v>32</v>
      </c>
      <c r="N4" s="1" t="s">
        <v>33</v>
      </c>
      <c r="O4" s="1" t="s">
        <v>34</v>
      </c>
      <c r="P4" s="1" t="s">
        <v>35</v>
      </c>
      <c r="Q4" s="1" t="s">
        <v>36</v>
      </c>
      <c r="S4" s="1" t="s">
        <v>37</v>
      </c>
      <c r="U4" s="1">
        <v>8.9</v>
      </c>
      <c r="V4" s="3">
        <v>46</v>
      </c>
      <c r="W4" s="1" t="s">
        <v>508</v>
      </c>
      <c r="X4" s="1">
        <v>1.2</v>
      </c>
      <c r="Y4" s="1">
        <v>6.9000000000000006E-2</v>
      </c>
      <c r="Z4" s="1">
        <v>1.2999999999999999E-2</v>
      </c>
      <c r="AA4" s="1" t="s">
        <v>554</v>
      </c>
      <c r="AB4" s="1" t="s">
        <v>526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4</v>
      </c>
      <c r="BC4" s="1">
        <v>0.46</v>
      </c>
      <c r="BD4" s="1">
        <v>0.51</v>
      </c>
      <c r="BE4" s="1"/>
      <c r="BF4" s="1"/>
      <c r="BG4" s="1"/>
      <c r="BH4" s="1"/>
      <c r="BI4" s="1"/>
      <c r="BJ4" s="1"/>
      <c r="BK4" s="1"/>
      <c r="BL4" s="1"/>
      <c r="BM4" s="1">
        <v>0.26</v>
      </c>
      <c r="BN4" s="1">
        <v>1.7000000000000001E-2</v>
      </c>
      <c r="BO4" s="1"/>
      <c r="BP4" s="1"/>
      <c r="BQ4" s="1">
        <v>30.16</v>
      </c>
      <c r="BR4" s="1"/>
      <c r="BS4" s="1"/>
      <c r="BT4" s="1">
        <v>24</v>
      </c>
      <c r="BU4" s="1"/>
      <c r="BV4" s="1"/>
      <c r="BW4" s="1"/>
      <c r="BX4" s="1"/>
      <c r="BY4" s="1"/>
      <c r="BZ4" s="1"/>
    </row>
    <row r="5" spans="1:78" x14ac:dyDescent="0.15">
      <c r="B5" s="2">
        <v>0.34236111111111112</v>
      </c>
      <c r="C5" s="1" t="s">
        <v>478</v>
      </c>
      <c r="D5" s="1" t="s">
        <v>27</v>
      </c>
      <c r="E5" s="1" t="s">
        <v>477</v>
      </c>
      <c r="G5" s="1" t="s">
        <v>38</v>
      </c>
      <c r="J5" s="1" t="s">
        <v>39</v>
      </c>
      <c r="N5" s="1" t="s">
        <v>33</v>
      </c>
      <c r="P5" s="1" t="s">
        <v>35</v>
      </c>
      <c r="Q5" s="1" t="s">
        <v>40</v>
      </c>
      <c r="S5" s="1" t="s">
        <v>41</v>
      </c>
      <c r="U5" s="1">
        <v>6.7</v>
      </c>
      <c r="V5" s="1"/>
      <c r="W5" s="1"/>
      <c r="X5" s="1">
        <v>0.7</v>
      </c>
      <c r="Y5" s="1">
        <v>5.7000000000000002E-2</v>
      </c>
      <c r="Z5" s="1">
        <v>5.0000000000000001E-3</v>
      </c>
      <c r="AA5" s="1" t="s">
        <v>554</v>
      </c>
      <c r="AB5" s="1" t="s">
        <v>52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22</v>
      </c>
      <c r="BD5" s="1">
        <v>0.27</v>
      </c>
      <c r="BE5" s="1"/>
      <c r="BF5" s="1"/>
      <c r="BG5" s="1"/>
      <c r="BH5" s="1"/>
      <c r="BI5" s="1"/>
      <c r="BJ5" s="1"/>
      <c r="BK5" s="1"/>
      <c r="BL5" s="1"/>
      <c r="BM5" s="1">
        <v>0.14000000000000001</v>
      </c>
      <c r="BN5" s="1">
        <v>2.5999999999999999E-2</v>
      </c>
      <c r="BO5" s="1"/>
      <c r="BP5" s="1"/>
      <c r="BQ5" s="1">
        <v>32.409999999999997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3347222222222222</v>
      </c>
      <c r="C6" s="1" t="s">
        <v>476</v>
      </c>
      <c r="D6" s="1" t="s">
        <v>43</v>
      </c>
      <c r="E6" s="1" t="s">
        <v>44</v>
      </c>
      <c r="F6" s="1" t="s">
        <v>45</v>
      </c>
      <c r="G6" s="1" t="s">
        <v>46</v>
      </c>
      <c r="J6" s="1" t="s">
        <v>30</v>
      </c>
      <c r="K6" s="1" t="s">
        <v>31</v>
      </c>
      <c r="M6" s="1" t="s">
        <v>32</v>
      </c>
      <c r="N6" s="1" t="s">
        <v>33</v>
      </c>
      <c r="O6" s="1" t="s">
        <v>34</v>
      </c>
      <c r="P6" s="1" t="s">
        <v>35</v>
      </c>
      <c r="Q6" s="1" t="s">
        <v>36</v>
      </c>
      <c r="S6" s="1" t="s">
        <v>47</v>
      </c>
      <c r="U6" s="1">
        <v>6.9</v>
      </c>
      <c r="V6" s="3">
        <v>4900</v>
      </c>
      <c r="W6" s="1" t="s">
        <v>508</v>
      </c>
      <c r="X6" s="1">
        <v>1.3</v>
      </c>
      <c r="Y6" s="1">
        <v>8.1000000000000003E-2</v>
      </c>
      <c r="Z6" s="1">
        <v>8.0000000000000002E-3</v>
      </c>
      <c r="AA6" s="1" t="s">
        <v>554</v>
      </c>
      <c r="AB6" s="1" t="s">
        <v>526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3</v>
      </c>
      <c r="BC6" s="1">
        <v>0.5</v>
      </c>
      <c r="BD6" s="1">
        <v>0.55000000000000004</v>
      </c>
      <c r="BE6" s="1"/>
      <c r="BF6" s="1"/>
      <c r="BG6" s="1"/>
      <c r="BH6" s="1"/>
      <c r="BI6" s="1"/>
      <c r="BJ6" s="1"/>
      <c r="BK6" s="1"/>
      <c r="BL6" s="1"/>
      <c r="BM6" s="1">
        <v>0.28999999999999998</v>
      </c>
      <c r="BN6" s="1">
        <v>4.8000000000000001E-2</v>
      </c>
      <c r="BO6" s="1"/>
      <c r="BP6" s="1"/>
      <c r="BQ6" s="1">
        <v>28.42</v>
      </c>
      <c r="BR6" s="1"/>
      <c r="BS6" s="1"/>
      <c r="BT6" s="1">
        <v>6.1</v>
      </c>
      <c r="BU6" s="1"/>
      <c r="BV6" s="1"/>
      <c r="BW6" s="1"/>
      <c r="BX6" s="1"/>
      <c r="BY6" s="1"/>
      <c r="BZ6" s="1"/>
    </row>
    <row r="7" spans="1:78" x14ac:dyDescent="0.15">
      <c r="B7" s="2">
        <v>0.3347222222222222</v>
      </c>
      <c r="C7" s="1" t="s">
        <v>478</v>
      </c>
      <c r="D7" s="1" t="s">
        <v>43</v>
      </c>
      <c r="E7" s="1" t="s">
        <v>44</v>
      </c>
      <c r="G7" s="1" t="s">
        <v>48</v>
      </c>
      <c r="J7" s="1" t="s">
        <v>39</v>
      </c>
      <c r="N7" s="1" t="s">
        <v>33</v>
      </c>
      <c r="P7" s="1" t="s">
        <v>35</v>
      </c>
      <c r="Q7" s="1" t="s">
        <v>36</v>
      </c>
      <c r="S7" s="1" t="s">
        <v>49</v>
      </c>
      <c r="U7" s="1">
        <v>6.2</v>
      </c>
      <c r="V7" s="1"/>
      <c r="W7" s="1"/>
      <c r="X7" s="1">
        <v>0.76</v>
      </c>
      <c r="Y7" s="1">
        <v>5.3999999999999999E-2</v>
      </c>
      <c r="Z7" s="1">
        <v>6.0000000000000001E-3</v>
      </c>
      <c r="AA7" s="1" t="s">
        <v>554</v>
      </c>
      <c r="AB7" s="1" t="s">
        <v>52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3</v>
      </c>
      <c r="BC7" s="1">
        <v>0.24</v>
      </c>
      <c r="BD7" s="1">
        <v>0.28999999999999998</v>
      </c>
      <c r="BE7" s="1"/>
      <c r="BF7" s="1"/>
      <c r="BG7" s="1"/>
      <c r="BH7" s="1"/>
      <c r="BI7" s="1"/>
      <c r="BJ7" s="1"/>
      <c r="BK7" s="1"/>
      <c r="BL7" s="1"/>
      <c r="BM7" s="1">
        <v>0.14000000000000001</v>
      </c>
      <c r="BN7" s="1">
        <v>2.8000000000000001E-2</v>
      </c>
      <c r="BO7" s="1"/>
      <c r="BP7" s="1"/>
      <c r="BQ7" s="1">
        <v>30.91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3124999999999999</v>
      </c>
      <c r="C8" s="1" t="s">
        <v>476</v>
      </c>
      <c r="D8" s="1" t="s">
        <v>51</v>
      </c>
      <c r="E8" s="1" t="s">
        <v>477</v>
      </c>
      <c r="F8" s="1" t="s">
        <v>52</v>
      </c>
      <c r="G8" s="1" t="s">
        <v>53</v>
      </c>
      <c r="J8" s="1" t="s">
        <v>30</v>
      </c>
      <c r="K8" s="1" t="s">
        <v>31</v>
      </c>
      <c r="M8" s="1" t="s">
        <v>54</v>
      </c>
      <c r="N8" s="1" t="s">
        <v>33</v>
      </c>
      <c r="O8" s="1" t="s">
        <v>34</v>
      </c>
      <c r="P8" s="1" t="s">
        <v>35</v>
      </c>
      <c r="Q8" s="1" t="s">
        <v>55</v>
      </c>
      <c r="S8" s="1" t="s">
        <v>55</v>
      </c>
      <c r="U8" s="1">
        <v>8</v>
      </c>
      <c r="V8" s="3">
        <v>33</v>
      </c>
      <c r="W8" s="1" t="s">
        <v>508</v>
      </c>
      <c r="X8" s="1">
        <v>2.1</v>
      </c>
      <c r="Y8" s="1">
        <v>0.21</v>
      </c>
      <c r="Z8" s="1">
        <v>3.3000000000000002E-2</v>
      </c>
      <c r="AA8" s="1" t="s">
        <v>554</v>
      </c>
      <c r="AB8" s="1" t="s">
        <v>52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2</v>
      </c>
      <c r="BC8" s="1">
        <v>0.45</v>
      </c>
      <c r="BD8" s="1">
        <v>0.5</v>
      </c>
      <c r="BE8" s="1"/>
      <c r="BF8" s="1"/>
      <c r="BG8" s="1"/>
      <c r="BH8" s="1"/>
      <c r="BI8" s="1"/>
      <c r="BJ8" s="1"/>
      <c r="BK8" s="1"/>
      <c r="BL8" s="1"/>
      <c r="BM8" s="1">
        <v>0.2</v>
      </c>
      <c r="BN8" s="1">
        <v>7.8E-2</v>
      </c>
      <c r="BO8" s="1"/>
      <c r="BP8" s="1"/>
      <c r="BQ8" s="1">
        <v>28.02</v>
      </c>
      <c r="BR8" s="1"/>
      <c r="BS8" s="1"/>
      <c r="BT8" s="1">
        <v>25</v>
      </c>
      <c r="BU8" s="1"/>
      <c r="BV8" s="1"/>
      <c r="BW8" s="1"/>
      <c r="BX8" s="1"/>
      <c r="BY8" s="1"/>
      <c r="BZ8" s="1"/>
    </row>
    <row r="9" spans="1:78" x14ac:dyDescent="0.15">
      <c r="B9" s="2">
        <v>0.33124999999999999</v>
      </c>
      <c r="C9" s="1" t="s">
        <v>478</v>
      </c>
      <c r="D9" s="1" t="s">
        <v>51</v>
      </c>
      <c r="E9" s="1" t="s">
        <v>477</v>
      </c>
      <c r="G9" s="1" t="s">
        <v>56</v>
      </c>
      <c r="J9" s="1" t="s">
        <v>39</v>
      </c>
      <c r="N9" s="1" t="s">
        <v>33</v>
      </c>
      <c r="P9" s="1" t="s">
        <v>35</v>
      </c>
      <c r="Q9" s="1" t="s">
        <v>40</v>
      </c>
      <c r="S9" s="1" t="s">
        <v>57</v>
      </c>
      <c r="U9" s="1">
        <v>1.9</v>
      </c>
      <c r="V9" s="1"/>
      <c r="W9" s="1"/>
      <c r="X9" s="1">
        <v>0.68</v>
      </c>
      <c r="Y9" s="1">
        <v>9.2999999999999999E-2</v>
      </c>
      <c r="Z9" s="1">
        <v>8.9999999999999993E-3</v>
      </c>
      <c r="AA9" s="1" t="s">
        <v>554</v>
      </c>
      <c r="AB9" s="1" t="s">
        <v>52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0</v>
      </c>
      <c r="BC9" s="1">
        <v>0.17</v>
      </c>
      <c r="BD9" s="1">
        <v>0.22</v>
      </c>
      <c r="BE9" s="1"/>
      <c r="BF9" s="1"/>
      <c r="BG9" s="1"/>
      <c r="BH9" s="1"/>
      <c r="BI9" s="1"/>
      <c r="BJ9" s="1"/>
      <c r="BK9" s="1"/>
      <c r="BL9" s="1"/>
      <c r="BM9" s="1">
        <v>0.25</v>
      </c>
      <c r="BN9" s="1">
        <v>7.4999999999999997E-2</v>
      </c>
      <c r="BO9" s="1"/>
      <c r="BP9" s="1"/>
      <c r="BQ9" s="1">
        <v>33.39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3611111111111108</v>
      </c>
      <c r="C10" s="1" t="s">
        <v>476</v>
      </c>
      <c r="D10" s="1" t="s">
        <v>27</v>
      </c>
      <c r="E10" s="1" t="s">
        <v>477</v>
      </c>
      <c r="F10" s="1" t="s">
        <v>59</v>
      </c>
      <c r="G10" s="1" t="s">
        <v>60</v>
      </c>
      <c r="J10" s="1" t="s">
        <v>30</v>
      </c>
      <c r="K10" s="1" t="s">
        <v>61</v>
      </c>
      <c r="M10" s="1" t="s">
        <v>62</v>
      </c>
      <c r="N10" s="1" t="s">
        <v>33</v>
      </c>
      <c r="O10" s="1" t="s">
        <v>34</v>
      </c>
      <c r="P10" s="1" t="s">
        <v>35</v>
      </c>
      <c r="Q10" s="1" t="s">
        <v>63</v>
      </c>
      <c r="S10" s="1" t="s">
        <v>64</v>
      </c>
      <c r="U10" s="1">
        <v>9.1</v>
      </c>
      <c r="V10" s="3">
        <v>170</v>
      </c>
      <c r="W10" s="1" t="s">
        <v>508</v>
      </c>
      <c r="X10" s="1">
        <v>1.3</v>
      </c>
      <c r="Y10" s="1">
        <v>0.11</v>
      </c>
      <c r="Z10" s="1">
        <v>0.01</v>
      </c>
      <c r="AA10" s="1" t="s">
        <v>554</v>
      </c>
      <c r="AB10" s="1" t="s">
        <v>52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2</v>
      </c>
      <c r="BC10" s="1">
        <v>0.24</v>
      </c>
      <c r="BD10" s="1">
        <v>0.28999999999999998</v>
      </c>
      <c r="BE10" s="1"/>
      <c r="BF10" s="1"/>
      <c r="BG10" s="1"/>
      <c r="BH10" s="1"/>
      <c r="BI10" s="1"/>
      <c r="BJ10" s="1"/>
      <c r="BK10" s="1"/>
      <c r="BL10" s="1"/>
      <c r="BM10" s="1">
        <v>7.0000000000000007E-2</v>
      </c>
      <c r="BN10" s="1">
        <v>3.0000000000000001E-3</v>
      </c>
      <c r="BO10" s="1"/>
      <c r="BP10" s="1"/>
      <c r="BQ10" s="1">
        <v>29.05</v>
      </c>
      <c r="BR10" s="1"/>
      <c r="BS10" s="1"/>
      <c r="BT10" s="1">
        <v>40</v>
      </c>
      <c r="BU10" s="1"/>
      <c r="BV10" s="1"/>
      <c r="BW10" s="1"/>
      <c r="BX10" s="1"/>
      <c r="BY10" s="1"/>
      <c r="BZ10" s="1"/>
    </row>
    <row r="11" spans="1:78" x14ac:dyDescent="0.15">
      <c r="B11" s="2">
        <v>0.33611111111111108</v>
      </c>
      <c r="C11" s="1" t="s">
        <v>478</v>
      </c>
      <c r="D11" s="1" t="s">
        <v>27</v>
      </c>
      <c r="E11" s="1" t="s">
        <v>477</v>
      </c>
      <c r="G11" s="1" t="s">
        <v>65</v>
      </c>
      <c r="J11" s="1" t="s">
        <v>66</v>
      </c>
      <c r="N11" s="1" t="s">
        <v>33</v>
      </c>
      <c r="P11" s="1" t="s">
        <v>35</v>
      </c>
      <c r="Q11" s="1" t="s">
        <v>40</v>
      </c>
      <c r="S11" s="1" t="s">
        <v>32</v>
      </c>
      <c r="U11" s="1">
        <v>3.1</v>
      </c>
      <c r="V11" s="1"/>
      <c r="W11" s="1"/>
      <c r="X11" s="1">
        <v>0.75</v>
      </c>
      <c r="Y11" s="1">
        <v>0.1</v>
      </c>
      <c r="Z11" s="1">
        <v>6.0000000000000001E-3</v>
      </c>
      <c r="AA11" s="1" t="s">
        <v>554</v>
      </c>
      <c r="AB11" s="1" t="s">
        <v>52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08</v>
      </c>
      <c r="BD11" s="1">
        <v>0.13</v>
      </c>
      <c r="BE11" s="1"/>
      <c r="BF11" s="1"/>
      <c r="BG11" s="1"/>
      <c r="BH11" s="1"/>
      <c r="BI11" s="1"/>
      <c r="BJ11" s="1"/>
      <c r="BK11" s="1"/>
      <c r="BL11" s="1"/>
      <c r="BM11" s="1">
        <v>0.2</v>
      </c>
      <c r="BN11" s="1">
        <v>6.7000000000000004E-2</v>
      </c>
      <c r="BO11" s="1"/>
      <c r="BP11" s="1"/>
      <c r="BQ11" s="1">
        <v>32.35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3611111111111108</v>
      </c>
      <c r="C12" s="1" t="s">
        <v>553</v>
      </c>
      <c r="D12" s="1" t="s">
        <v>27</v>
      </c>
      <c r="E12" s="1" t="s">
        <v>477</v>
      </c>
      <c r="J12" s="1" t="s">
        <v>67</v>
      </c>
      <c r="N12" s="1" t="s">
        <v>33</v>
      </c>
      <c r="U12" s="1"/>
      <c r="V12" s="1"/>
      <c r="W12" s="1"/>
      <c r="X12" s="1"/>
      <c r="Y12" s="1"/>
      <c r="Z12" s="1"/>
      <c r="AA12" s="1" t="s">
        <v>554</v>
      </c>
      <c r="AB12" s="1" t="s">
        <v>554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354166666666667</v>
      </c>
      <c r="C13" s="1" t="s">
        <v>476</v>
      </c>
      <c r="D13" s="1" t="s">
        <v>69</v>
      </c>
      <c r="E13" s="1" t="s">
        <v>70</v>
      </c>
      <c r="F13" s="1" t="s">
        <v>71</v>
      </c>
      <c r="G13" s="1" t="s">
        <v>72</v>
      </c>
      <c r="J13" s="1" t="s">
        <v>30</v>
      </c>
      <c r="K13" s="1" t="s">
        <v>73</v>
      </c>
      <c r="M13" s="1" t="s">
        <v>62</v>
      </c>
      <c r="N13" s="1" t="s">
        <v>74</v>
      </c>
      <c r="O13" s="1" t="s">
        <v>75</v>
      </c>
      <c r="P13" s="1" t="s">
        <v>35</v>
      </c>
      <c r="Q13" s="1" t="s">
        <v>76</v>
      </c>
      <c r="S13" s="1" t="s">
        <v>77</v>
      </c>
      <c r="U13" s="1">
        <v>11.3</v>
      </c>
      <c r="V13" s="3">
        <v>110</v>
      </c>
      <c r="W13" s="1" t="s">
        <v>508</v>
      </c>
      <c r="X13" s="1">
        <v>1.4</v>
      </c>
      <c r="Y13" s="1">
        <v>0.17</v>
      </c>
      <c r="Z13" s="1">
        <v>8.9999999999999993E-3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>
        <v>0.0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>
        <v>0.23</v>
      </c>
      <c r="BN13" s="1">
        <v>0.01</v>
      </c>
      <c r="BO13" s="1"/>
      <c r="BP13" s="1"/>
      <c r="BQ13" s="1">
        <v>26.17</v>
      </c>
      <c r="BR13" s="1" t="s">
        <v>531</v>
      </c>
      <c r="BS13" s="1" t="s">
        <v>511</v>
      </c>
      <c r="BT13" s="1">
        <v>95</v>
      </c>
      <c r="BU13" s="1"/>
      <c r="BV13" s="1"/>
      <c r="BW13" s="1"/>
      <c r="BX13" s="1"/>
      <c r="BY13" s="1"/>
      <c r="BZ13" s="1"/>
    </row>
    <row r="14" spans="1:78" x14ac:dyDescent="0.15">
      <c r="B14" s="2">
        <v>0.3354166666666667</v>
      </c>
      <c r="C14" s="1" t="s">
        <v>478</v>
      </c>
      <c r="D14" s="1" t="s">
        <v>69</v>
      </c>
      <c r="E14" s="1" t="s">
        <v>70</v>
      </c>
      <c r="G14" s="1" t="s">
        <v>78</v>
      </c>
      <c r="J14" s="1" t="s">
        <v>79</v>
      </c>
      <c r="N14" s="1" t="s">
        <v>74</v>
      </c>
      <c r="P14" s="1" t="s">
        <v>35</v>
      </c>
      <c r="Q14" s="1" t="s">
        <v>40</v>
      </c>
      <c r="S14" s="1" t="s">
        <v>49</v>
      </c>
      <c r="U14" s="1">
        <v>1</v>
      </c>
      <c r="V14" s="1"/>
      <c r="W14" s="1"/>
      <c r="X14" s="1">
        <v>0.65</v>
      </c>
      <c r="Y14" s="1">
        <v>0.1</v>
      </c>
      <c r="Z14" s="1">
        <v>0.01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0</v>
      </c>
      <c r="BC14" s="1">
        <v>0.16</v>
      </c>
      <c r="BD14" s="1">
        <v>0.21</v>
      </c>
      <c r="BE14" s="1"/>
      <c r="BF14" s="1"/>
      <c r="BG14" s="1"/>
      <c r="BH14" s="1"/>
      <c r="BI14" s="1"/>
      <c r="BJ14" s="1"/>
      <c r="BK14" s="1"/>
      <c r="BL14" s="1"/>
      <c r="BM14" s="1">
        <v>0.14000000000000001</v>
      </c>
      <c r="BN14" s="1">
        <v>7.8E-2</v>
      </c>
      <c r="BO14" s="1"/>
      <c r="BP14" s="1"/>
      <c r="BQ14" s="1">
        <v>32.54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354166666666667</v>
      </c>
      <c r="C15" s="1" t="s">
        <v>553</v>
      </c>
      <c r="D15" s="1" t="s">
        <v>69</v>
      </c>
      <c r="E15" s="1" t="s">
        <v>70</v>
      </c>
      <c r="J15" s="1" t="s">
        <v>80</v>
      </c>
      <c r="N15" s="1" t="s">
        <v>74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0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4</v>
      </c>
      <c r="AL15" s="1" t="s">
        <v>514</v>
      </c>
      <c r="AM15" s="1" t="s">
        <v>514</v>
      </c>
      <c r="AN15" s="1" t="s">
        <v>514</v>
      </c>
      <c r="AO15" s="1" t="s">
        <v>514</v>
      </c>
      <c r="AP15" t="s">
        <v>514</v>
      </c>
      <c r="AQ15" s="1" t="s">
        <v>514</v>
      </c>
      <c r="AR15" s="1" t="s">
        <v>514</v>
      </c>
      <c r="AS15" s="1" t="s">
        <v>514</v>
      </c>
      <c r="AT15" s="1" t="s">
        <v>517</v>
      </c>
      <c r="AU15" s="1"/>
      <c r="AV15" s="1"/>
      <c r="AW15" s="1"/>
      <c r="AX15" s="1" t="s">
        <v>514</v>
      </c>
      <c r="AY15" s="1" t="s">
        <v>523</v>
      </c>
      <c r="AZ15" s="1"/>
      <c r="BA15" s="1"/>
      <c r="BB15" s="1"/>
      <c r="BC15" s="1"/>
      <c r="BD15" s="1"/>
      <c r="BE15" s="1" t="s">
        <v>511</v>
      </c>
      <c r="BF15" s="1" t="s">
        <v>511</v>
      </c>
      <c r="BG15" s="1" t="s">
        <v>524</v>
      </c>
      <c r="BH15" s="1" t="s">
        <v>512</v>
      </c>
      <c r="BI15" s="1" t="s">
        <v>510</v>
      </c>
      <c r="BJ15" s="1"/>
      <c r="BK15" s="1" t="s">
        <v>513</v>
      </c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43055555555555558</v>
      </c>
      <c r="C16" s="1" t="s">
        <v>476</v>
      </c>
      <c r="D16" s="1" t="s">
        <v>43</v>
      </c>
      <c r="E16" s="1" t="s">
        <v>477</v>
      </c>
      <c r="F16" s="1" t="s">
        <v>82</v>
      </c>
      <c r="G16" s="1" t="s">
        <v>83</v>
      </c>
      <c r="J16" s="1" t="s">
        <v>30</v>
      </c>
      <c r="K16" s="1" t="s">
        <v>45</v>
      </c>
      <c r="M16" s="1" t="s">
        <v>32</v>
      </c>
      <c r="N16" s="1" t="s">
        <v>33</v>
      </c>
      <c r="O16" s="1" t="s">
        <v>34</v>
      </c>
      <c r="P16" s="1" t="s">
        <v>35</v>
      </c>
      <c r="Q16" s="1" t="s">
        <v>84</v>
      </c>
      <c r="S16" s="1" t="s">
        <v>47</v>
      </c>
      <c r="U16" s="1">
        <v>6.6</v>
      </c>
      <c r="V16" s="3">
        <v>330</v>
      </c>
      <c r="W16" s="1" t="s">
        <v>508</v>
      </c>
      <c r="X16" s="1">
        <v>1</v>
      </c>
      <c r="Y16" s="1">
        <v>0.1</v>
      </c>
      <c r="Z16" s="1">
        <v>5.0000000000000001E-3</v>
      </c>
      <c r="AA16" s="1" t="s">
        <v>554</v>
      </c>
      <c r="AB16" s="1" t="s">
        <v>526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0.23</v>
      </c>
      <c r="BD16" s="1">
        <v>0.28000000000000003</v>
      </c>
      <c r="BE16" s="1"/>
      <c r="BF16" s="1"/>
      <c r="BG16" s="1"/>
      <c r="BH16" s="1"/>
      <c r="BI16" s="1"/>
      <c r="BJ16" s="1"/>
      <c r="BK16" s="1"/>
      <c r="BL16" s="1"/>
      <c r="BM16" s="1">
        <v>7.0000000000000007E-2</v>
      </c>
      <c r="BN16" s="1">
        <v>5.2999999999999999E-2</v>
      </c>
      <c r="BO16" s="1"/>
      <c r="BP16" s="1"/>
      <c r="BQ16" s="1">
        <v>28.92</v>
      </c>
      <c r="BR16" s="1"/>
      <c r="BS16" s="1"/>
      <c r="BT16" s="1">
        <v>22</v>
      </c>
      <c r="BU16" s="1"/>
      <c r="BV16" s="1"/>
      <c r="BW16" s="1"/>
      <c r="BX16" s="1"/>
      <c r="BY16" s="1"/>
      <c r="BZ16" s="1"/>
    </row>
    <row r="17" spans="1:78" x14ac:dyDescent="0.15">
      <c r="B17" s="2">
        <v>0.43055555555555558</v>
      </c>
      <c r="C17" s="1" t="s">
        <v>478</v>
      </c>
      <c r="D17" s="1" t="s">
        <v>43</v>
      </c>
      <c r="E17" s="1" t="s">
        <v>477</v>
      </c>
      <c r="G17" s="1" t="s">
        <v>85</v>
      </c>
      <c r="J17" s="1" t="s">
        <v>86</v>
      </c>
      <c r="N17" s="1" t="s">
        <v>33</v>
      </c>
      <c r="P17" s="1" t="s">
        <v>35</v>
      </c>
      <c r="Q17" s="1" t="s">
        <v>40</v>
      </c>
      <c r="S17" s="1" t="s">
        <v>32</v>
      </c>
      <c r="U17" s="1">
        <v>1</v>
      </c>
      <c r="V17" s="1"/>
      <c r="W17" s="1"/>
      <c r="X17" s="1">
        <v>0.71</v>
      </c>
      <c r="Y17" s="1">
        <v>0.11</v>
      </c>
      <c r="Z17" s="1">
        <v>3.0000000000000001E-3</v>
      </c>
      <c r="AA17" s="1" t="s">
        <v>554</v>
      </c>
      <c r="AB17" s="1" t="s">
        <v>526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12</v>
      </c>
      <c r="BD17" s="1">
        <v>0.17</v>
      </c>
      <c r="BE17" s="1"/>
      <c r="BF17" s="1"/>
      <c r="BG17" s="1"/>
      <c r="BH17" s="1"/>
      <c r="BI17" s="1"/>
      <c r="BJ17" s="1"/>
      <c r="BK17" s="1"/>
      <c r="BL17" s="1"/>
      <c r="BM17" s="1">
        <v>0.2</v>
      </c>
      <c r="BN17" s="1">
        <v>9.1999999999999998E-2</v>
      </c>
      <c r="BO17" s="1"/>
      <c r="BP17" s="1"/>
      <c r="BQ17" s="1">
        <v>31.57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3055555555555558</v>
      </c>
      <c r="C18" s="1" t="s">
        <v>553</v>
      </c>
      <c r="D18" s="1" t="s">
        <v>43</v>
      </c>
      <c r="E18" s="1" t="s">
        <v>477</v>
      </c>
      <c r="J18" s="1" t="s">
        <v>77</v>
      </c>
      <c r="N18" s="1" t="s">
        <v>33</v>
      </c>
      <c r="U18" s="1"/>
      <c r="V18" s="1"/>
      <c r="W18" s="1"/>
      <c r="X18" s="1"/>
      <c r="Y18" s="1"/>
      <c r="Z18" s="1"/>
      <c r="AA18" s="1" t="s">
        <v>554</v>
      </c>
      <c r="AB18" s="1" t="s">
        <v>55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3888888888888885</v>
      </c>
      <c r="C19" s="1" t="s">
        <v>476</v>
      </c>
      <c r="D19" s="1" t="s">
        <v>43</v>
      </c>
      <c r="E19" s="1" t="s">
        <v>70</v>
      </c>
      <c r="F19" s="1" t="s">
        <v>88</v>
      </c>
      <c r="G19" s="1" t="s">
        <v>89</v>
      </c>
      <c r="J19" s="1" t="s">
        <v>30</v>
      </c>
      <c r="K19" s="1" t="s">
        <v>90</v>
      </c>
      <c r="M19" s="1" t="s">
        <v>91</v>
      </c>
      <c r="N19" s="1" t="s">
        <v>33</v>
      </c>
      <c r="O19" s="1" t="s">
        <v>92</v>
      </c>
      <c r="P19" s="1" t="s">
        <v>35</v>
      </c>
      <c r="Q19" s="1" t="s">
        <v>93</v>
      </c>
      <c r="S19" s="1" t="s">
        <v>47</v>
      </c>
      <c r="U19" s="1">
        <v>6.3</v>
      </c>
      <c r="V19" s="3">
        <v>2300</v>
      </c>
      <c r="W19" s="1" t="s">
        <v>508</v>
      </c>
      <c r="X19" s="1">
        <v>1.7</v>
      </c>
      <c r="Y19" s="1">
        <v>0.22</v>
      </c>
      <c r="Z19" s="1">
        <v>8.9999999999999993E-3</v>
      </c>
      <c r="AA19" s="1" t="s">
        <v>554</v>
      </c>
      <c r="AB19" s="1" t="s">
        <v>526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4</v>
      </c>
      <c r="BC19" s="1">
        <v>0.86</v>
      </c>
      <c r="BD19" s="1">
        <v>0.91</v>
      </c>
      <c r="BE19" s="1"/>
      <c r="BF19" s="1"/>
      <c r="BG19" s="1"/>
      <c r="BH19" s="1"/>
      <c r="BI19" s="1"/>
      <c r="BJ19" s="1"/>
      <c r="BK19" s="1"/>
      <c r="BL19" s="1"/>
      <c r="BM19" s="1">
        <v>0.18</v>
      </c>
      <c r="BN19" s="1">
        <v>0.18</v>
      </c>
      <c r="BO19" s="1"/>
      <c r="BP19" s="1"/>
      <c r="BQ19" s="1">
        <v>22.73</v>
      </c>
      <c r="BR19" s="1"/>
      <c r="BS19" s="1"/>
      <c r="BT19" s="1">
        <v>2.5</v>
      </c>
      <c r="BU19" s="1"/>
      <c r="BV19" s="1"/>
      <c r="BW19" s="1"/>
      <c r="BX19" s="1"/>
      <c r="BY19" s="1"/>
      <c r="BZ19" s="1"/>
    </row>
    <row r="20" spans="1:78" x14ac:dyDescent="0.15">
      <c r="B20" s="2">
        <v>0.33888888888888885</v>
      </c>
      <c r="C20" s="1" t="s">
        <v>478</v>
      </c>
      <c r="D20" s="1" t="s">
        <v>43</v>
      </c>
      <c r="E20" s="1" t="s">
        <v>70</v>
      </c>
      <c r="G20" s="1" t="s">
        <v>94</v>
      </c>
      <c r="J20" s="1" t="s">
        <v>95</v>
      </c>
      <c r="N20" s="1" t="s">
        <v>33</v>
      </c>
      <c r="P20" s="1" t="s">
        <v>35</v>
      </c>
      <c r="Q20" s="1" t="s">
        <v>40</v>
      </c>
      <c r="S20" s="1" t="s">
        <v>32</v>
      </c>
      <c r="U20" s="1">
        <v>3.7</v>
      </c>
      <c r="V20" s="1"/>
      <c r="W20" s="1"/>
      <c r="X20" s="1">
        <v>0.69</v>
      </c>
      <c r="Y20" s="1">
        <v>7.3999999999999996E-2</v>
      </c>
      <c r="Z20" s="1">
        <v>5.0000000000000001E-3</v>
      </c>
      <c r="AA20" s="1" t="s">
        <v>554</v>
      </c>
      <c r="AB20" s="1" t="s">
        <v>52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0</v>
      </c>
      <c r="BC20" s="1">
        <v>0.27</v>
      </c>
      <c r="BD20" s="1">
        <v>0.32</v>
      </c>
      <c r="BE20" s="1"/>
      <c r="BF20" s="1"/>
      <c r="BG20" s="1"/>
      <c r="BH20" s="1"/>
      <c r="BI20" s="1"/>
      <c r="BJ20" s="1"/>
      <c r="BK20" s="1"/>
      <c r="BL20" s="1"/>
      <c r="BM20" s="1">
        <v>0.06</v>
      </c>
      <c r="BN20" s="1">
        <v>5.2999999999999999E-2</v>
      </c>
      <c r="BO20" s="1"/>
      <c r="BP20" s="1"/>
      <c r="BQ20" s="1">
        <v>31.17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3888888888888885</v>
      </c>
      <c r="C21" s="1" t="s">
        <v>553</v>
      </c>
      <c r="D21" s="1" t="s">
        <v>43</v>
      </c>
      <c r="E21" s="1" t="s">
        <v>70</v>
      </c>
      <c r="J21" s="1" t="s">
        <v>96</v>
      </c>
      <c r="N21" s="1" t="s">
        <v>33</v>
      </c>
      <c r="U21" s="1"/>
      <c r="V21" s="1"/>
      <c r="W21" s="1"/>
      <c r="X21" s="1"/>
      <c r="Y21" s="1"/>
      <c r="Z21" s="1"/>
      <c r="AA21" s="1" t="s">
        <v>554</v>
      </c>
      <c r="AB21" s="1" t="s">
        <v>554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 t="s">
        <v>513</v>
      </c>
      <c r="AV21" s="1" t="s">
        <v>509</v>
      </c>
      <c r="AW21" s="1" t="s">
        <v>509</v>
      </c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3333333333333331</v>
      </c>
      <c r="C22" s="1" t="s">
        <v>476</v>
      </c>
      <c r="D22" s="1" t="s">
        <v>43</v>
      </c>
      <c r="E22" s="1" t="s">
        <v>44</v>
      </c>
      <c r="F22" s="1" t="s">
        <v>98</v>
      </c>
      <c r="G22" s="1" t="s">
        <v>99</v>
      </c>
      <c r="J22" s="1" t="s">
        <v>30</v>
      </c>
      <c r="K22" s="1" t="s">
        <v>100</v>
      </c>
      <c r="M22" s="1" t="s">
        <v>57</v>
      </c>
      <c r="N22" s="1" t="s">
        <v>33</v>
      </c>
      <c r="O22" s="1" t="s">
        <v>92</v>
      </c>
      <c r="P22" s="1" t="s">
        <v>35</v>
      </c>
      <c r="Q22" s="1" t="s">
        <v>36</v>
      </c>
      <c r="S22" s="1" t="s">
        <v>101</v>
      </c>
      <c r="U22" s="1">
        <v>6.9</v>
      </c>
      <c r="V22" s="3">
        <v>2200</v>
      </c>
      <c r="W22" s="1" t="s">
        <v>508</v>
      </c>
      <c r="X22" s="1">
        <v>1.4</v>
      </c>
      <c r="Y22" s="1">
        <v>0.11</v>
      </c>
      <c r="Z22" s="1">
        <v>1.2E-2</v>
      </c>
      <c r="AA22" s="1" t="s">
        <v>554</v>
      </c>
      <c r="AB22" s="1" t="s">
        <v>52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3</v>
      </c>
      <c r="BC22" s="1">
        <v>0.51</v>
      </c>
      <c r="BD22" s="1">
        <v>0.56000000000000005</v>
      </c>
      <c r="BE22" s="1"/>
      <c r="BF22" s="1"/>
      <c r="BG22" s="1"/>
      <c r="BH22" s="1"/>
      <c r="BI22" s="1"/>
      <c r="BJ22" s="1"/>
      <c r="BK22" s="1"/>
      <c r="BL22" s="1"/>
      <c r="BM22" s="1">
        <v>0.19</v>
      </c>
      <c r="BN22" s="1">
        <v>5.1999999999999998E-2</v>
      </c>
      <c r="BO22" s="1"/>
      <c r="BP22" s="1"/>
      <c r="BQ22" s="1">
        <v>30.34</v>
      </c>
      <c r="BR22" s="1"/>
      <c r="BS22" s="1"/>
      <c r="BT22" s="1">
        <v>20</v>
      </c>
      <c r="BU22" s="1"/>
      <c r="BV22" s="1"/>
      <c r="BW22" s="1"/>
      <c r="BX22" s="1"/>
      <c r="BY22" s="1"/>
      <c r="BZ22" s="1"/>
    </row>
    <row r="23" spans="1:78" x14ac:dyDescent="0.15">
      <c r="B23" s="2">
        <v>0.33333333333333331</v>
      </c>
      <c r="C23" s="1" t="s">
        <v>478</v>
      </c>
      <c r="D23" s="1" t="s">
        <v>43</v>
      </c>
      <c r="E23" s="1" t="s">
        <v>44</v>
      </c>
      <c r="G23" s="1" t="s">
        <v>102</v>
      </c>
      <c r="J23" s="1" t="s">
        <v>103</v>
      </c>
      <c r="N23" s="1" t="s">
        <v>33</v>
      </c>
      <c r="P23" s="1" t="s">
        <v>35</v>
      </c>
      <c r="Q23" s="1" t="s">
        <v>40</v>
      </c>
      <c r="S23" s="1" t="s">
        <v>104</v>
      </c>
      <c r="U23" s="1">
        <v>3.9</v>
      </c>
      <c r="V23" s="1"/>
      <c r="W23" s="1"/>
      <c r="X23" s="1">
        <v>0.66</v>
      </c>
      <c r="Y23" s="1">
        <v>5.6000000000000001E-2</v>
      </c>
      <c r="Z23" s="1">
        <v>5.0000000000000001E-3</v>
      </c>
      <c r="AA23" s="1" t="s">
        <v>554</v>
      </c>
      <c r="AB23" s="1" t="s">
        <v>52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2</v>
      </c>
      <c r="BC23" s="1">
        <v>0.2</v>
      </c>
      <c r="BD23" s="1">
        <v>0.25</v>
      </c>
      <c r="BE23" s="1"/>
      <c r="BF23" s="1"/>
      <c r="BG23" s="1"/>
      <c r="BH23" s="1"/>
      <c r="BI23" s="1"/>
      <c r="BJ23" s="1"/>
      <c r="BK23" s="1"/>
      <c r="BL23" s="1"/>
      <c r="BM23" s="1">
        <v>0.1</v>
      </c>
      <c r="BN23" s="1">
        <v>3.7999999999999999E-2</v>
      </c>
      <c r="BO23" s="1"/>
      <c r="BP23" s="1"/>
      <c r="BQ23" s="1">
        <v>32.299999999999997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3333333333333331</v>
      </c>
      <c r="C24" s="1" t="s">
        <v>553</v>
      </c>
      <c r="D24" s="1" t="s">
        <v>43</v>
      </c>
      <c r="E24" s="1" t="s">
        <v>44</v>
      </c>
      <c r="J24" s="1" t="s">
        <v>105</v>
      </c>
      <c r="N24" s="1" t="s">
        <v>33</v>
      </c>
      <c r="U24" s="1"/>
      <c r="V24" s="1"/>
      <c r="W24" s="1"/>
      <c r="X24" s="1"/>
      <c r="Y24" s="1"/>
      <c r="Z24" s="1"/>
      <c r="AA24" s="1" t="s">
        <v>554</v>
      </c>
      <c r="AB24" s="1" t="s">
        <v>554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35138888888888892</v>
      </c>
      <c r="C25" s="1" t="s">
        <v>476</v>
      </c>
      <c r="D25" s="1" t="s">
        <v>43</v>
      </c>
      <c r="E25" s="1" t="s">
        <v>107</v>
      </c>
      <c r="F25" s="1" t="s">
        <v>108</v>
      </c>
      <c r="G25" s="1" t="s">
        <v>109</v>
      </c>
      <c r="J25" s="1" t="s">
        <v>30</v>
      </c>
      <c r="K25" s="1" t="s">
        <v>110</v>
      </c>
      <c r="M25" s="1" t="s">
        <v>37</v>
      </c>
      <c r="N25" s="1" t="s">
        <v>33</v>
      </c>
      <c r="O25" s="1" t="s">
        <v>34</v>
      </c>
      <c r="P25" s="1" t="s">
        <v>35</v>
      </c>
      <c r="Q25" s="1" t="s">
        <v>36</v>
      </c>
      <c r="S25" s="1" t="s">
        <v>111</v>
      </c>
      <c r="U25" s="1">
        <v>7.5</v>
      </c>
      <c r="V25" s="3">
        <v>33</v>
      </c>
      <c r="W25" s="1" t="s">
        <v>508</v>
      </c>
      <c r="X25" s="1">
        <v>1.2</v>
      </c>
      <c r="Y25" s="1">
        <v>7.0999999999999994E-2</v>
      </c>
      <c r="Z25" s="1">
        <v>1.2E-2</v>
      </c>
      <c r="AA25" s="1" t="s">
        <v>554</v>
      </c>
      <c r="AB25" s="1" t="s">
        <v>556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3</v>
      </c>
      <c r="BC25" s="1">
        <v>0.4</v>
      </c>
      <c r="BD25" s="1">
        <v>0.45</v>
      </c>
      <c r="BE25" s="1"/>
      <c r="BF25" s="1"/>
      <c r="BG25" s="1"/>
      <c r="BH25" s="1"/>
      <c r="BI25" s="1"/>
      <c r="BJ25" s="1"/>
      <c r="BK25" s="1"/>
      <c r="BL25" s="1"/>
      <c r="BM25" s="1">
        <v>0.21</v>
      </c>
      <c r="BN25" s="1">
        <v>4.5999999999999999E-2</v>
      </c>
      <c r="BO25" s="1"/>
      <c r="BP25" s="1"/>
      <c r="BQ25" s="1">
        <v>31.29</v>
      </c>
      <c r="BR25" s="1"/>
      <c r="BS25" s="1"/>
      <c r="BT25" s="1">
        <v>7.6</v>
      </c>
      <c r="BU25" s="1"/>
      <c r="BV25" s="1"/>
      <c r="BW25" s="1"/>
      <c r="BX25" s="1"/>
      <c r="BY25" s="1"/>
      <c r="BZ25" s="1"/>
    </row>
    <row r="26" spans="1:78" x14ac:dyDescent="0.15">
      <c r="B26" s="2">
        <v>0.35138888888888892</v>
      </c>
      <c r="C26" s="1" t="s">
        <v>478</v>
      </c>
      <c r="D26" s="1" t="s">
        <v>43</v>
      </c>
      <c r="E26" s="1" t="s">
        <v>107</v>
      </c>
      <c r="G26" s="1" t="s">
        <v>112</v>
      </c>
      <c r="J26" s="1" t="s">
        <v>113</v>
      </c>
      <c r="N26" s="1" t="s">
        <v>33</v>
      </c>
      <c r="P26" s="1" t="s">
        <v>35</v>
      </c>
      <c r="Q26" s="1" t="s">
        <v>36</v>
      </c>
      <c r="S26" s="1" t="s">
        <v>114</v>
      </c>
      <c r="U26" s="1">
        <v>5.0999999999999996</v>
      </c>
      <c r="V26" s="1"/>
      <c r="W26" s="1"/>
      <c r="X26" s="1">
        <v>0.6</v>
      </c>
      <c r="Y26" s="1">
        <v>5.3999999999999999E-2</v>
      </c>
      <c r="Z26" s="1">
        <v>5.0000000000000001E-3</v>
      </c>
      <c r="AA26" s="1" t="s">
        <v>554</v>
      </c>
      <c r="AB26" s="1" t="s">
        <v>557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6</v>
      </c>
      <c r="BD26" s="1">
        <v>0.21</v>
      </c>
      <c r="BE26" s="1"/>
      <c r="BF26" s="1"/>
      <c r="BG26" s="1"/>
      <c r="BH26" s="1"/>
      <c r="BI26" s="1"/>
      <c r="BJ26" s="1"/>
      <c r="BK26" s="1"/>
      <c r="BL26" s="1"/>
      <c r="BM26" s="1">
        <v>0.15</v>
      </c>
      <c r="BN26" s="1">
        <v>0.04</v>
      </c>
      <c r="BO26" s="1"/>
      <c r="BP26" s="1"/>
      <c r="BQ26" s="1">
        <v>32.9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5138888888888892</v>
      </c>
      <c r="C27" s="1" t="s">
        <v>553</v>
      </c>
      <c r="D27" s="1" t="s">
        <v>43</v>
      </c>
      <c r="E27" s="1" t="s">
        <v>107</v>
      </c>
      <c r="J27" s="1" t="s">
        <v>77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33819444444444446</v>
      </c>
      <c r="C28" s="1" t="s">
        <v>476</v>
      </c>
      <c r="D28" s="1" t="s">
        <v>27</v>
      </c>
      <c r="E28" s="1" t="s">
        <v>70</v>
      </c>
      <c r="F28" s="1" t="s">
        <v>116</v>
      </c>
      <c r="G28" s="1" t="s">
        <v>117</v>
      </c>
      <c r="J28" s="1" t="s">
        <v>30</v>
      </c>
      <c r="K28" s="1" t="s">
        <v>118</v>
      </c>
      <c r="M28" s="1" t="s">
        <v>119</v>
      </c>
      <c r="N28" s="1" t="s">
        <v>33</v>
      </c>
      <c r="O28" s="1" t="s">
        <v>92</v>
      </c>
      <c r="P28" s="1" t="s">
        <v>35</v>
      </c>
      <c r="Q28" s="1" t="s">
        <v>40</v>
      </c>
      <c r="S28" s="1" t="s">
        <v>32</v>
      </c>
      <c r="U28" s="1">
        <v>8.3000000000000007</v>
      </c>
      <c r="V28" s="3">
        <v>22</v>
      </c>
      <c r="W28" s="1" t="s">
        <v>508</v>
      </c>
      <c r="X28" s="1">
        <v>1</v>
      </c>
      <c r="Y28" s="1">
        <v>7.0999999999999994E-2</v>
      </c>
      <c r="Z28" s="1">
        <v>1.7999999999999999E-2</v>
      </c>
      <c r="AA28" t="s">
        <v>554</v>
      </c>
      <c r="AB28" t="s">
        <v>558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5</v>
      </c>
      <c r="BC28" s="1">
        <v>0.42</v>
      </c>
      <c r="BD28" s="1">
        <v>0.47</v>
      </c>
      <c r="BF28" s="1"/>
      <c r="BG28" s="1"/>
      <c r="BH28" s="1"/>
      <c r="BI28" s="1"/>
      <c r="BJ28" s="1"/>
      <c r="BK28" s="1"/>
      <c r="BL28" s="1"/>
      <c r="BM28" s="1">
        <v>0.16</v>
      </c>
      <c r="BN28" s="1">
        <v>5.0999999999999997E-2</v>
      </c>
      <c r="BO28" s="1"/>
      <c r="BP28" s="1"/>
      <c r="BQ28" s="1">
        <v>32.119999999999997</v>
      </c>
      <c r="BR28" s="1"/>
      <c r="BS28" s="1"/>
      <c r="BT28" s="1">
        <v>3.8</v>
      </c>
      <c r="BU28" s="1"/>
      <c r="BV28" s="1"/>
      <c r="BW28" s="1"/>
      <c r="BX28" s="1"/>
      <c r="BY28" s="1"/>
      <c r="BZ28" s="1"/>
    </row>
    <row r="29" spans="1:78" x14ac:dyDescent="0.15">
      <c r="B29" s="2">
        <v>0.33819444444444446</v>
      </c>
      <c r="C29" s="1" t="s">
        <v>478</v>
      </c>
      <c r="D29" s="1" t="s">
        <v>27</v>
      </c>
      <c r="E29" s="1" t="s">
        <v>70</v>
      </c>
      <c r="G29" s="1" t="s">
        <v>120</v>
      </c>
      <c r="J29" s="1" t="s">
        <v>90</v>
      </c>
      <c r="N29" s="1" t="s">
        <v>33</v>
      </c>
      <c r="P29" s="1" t="s">
        <v>35</v>
      </c>
      <c r="Q29" s="1" t="s">
        <v>40</v>
      </c>
      <c r="S29" s="1" t="s">
        <v>91</v>
      </c>
      <c r="U29" s="1">
        <v>7.7</v>
      </c>
      <c r="V29" s="1"/>
      <c r="W29" s="1"/>
      <c r="X29" s="1">
        <v>0.72</v>
      </c>
      <c r="Y29" s="1">
        <v>0.06</v>
      </c>
      <c r="Z29" s="1">
        <v>8.0000000000000002E-3</v>
      </c>
      <c r="AA29" t="s">
        <v>554</v>
      </c>
      <c r="AB29" t="s">
        <v>559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5</v>
      </c>
      <c r="BC29" s="1">
        <v>0.31</v>
      </c>
      <c r="BD29" s="1">
        <v>0.36</v>
      </c>
      <c r="BF29" s="1"/>
      <c r="BG29" s="1"/>
      <c r="BH29" s="1"/>
      <c r="BI29" s="1"/>
      <c r="BJ29" s="1"/>
      <c r="BK29" s="1"/>
      <c r="BL29" s="1"/>
      <c r="BM29" s="1">
        <v>0.09</v>
      </c>
      <c r="BN29" s="1">
        <v>4.2000000000000003E-2</v>
      </c>
      <c r="BO29" s="1"/>
      <c r="BP29" s="1"/>
      <c r="BQ29" s="1">
        <v>32.63000000000000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3819444444444446</v>
      </c>
      <c r="C30" s="1" t="s">
        <v>553</v>
      </c>
      <c r="D30" s="1" t="s">
        <v>27</v>
      </c>
      <c r="E30" s="1" t="s">
        <v>70</v>
      </c>
      <c r="J30" s="1" t="s">
        <v>121</v>
      </c>
      <c r="N30" s="1" t="s">
        <v>33</v>
      </c>
      <c r="U30" s="1"/>
      <c r="V30" s="1"/>
      <c r="W30" s="1"/>
      <c r="X30" s="1"/>
      <c r="Y30" s="1"/>
      <c r="Z30" s="1"/>
      <c r="AA30" t="s">
        <v>554</v>
      </c>
      <c r="AB30" t="s">
        <v>554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354166666666667</v>
      </c>
      <c r="C31" s="1" t="s">
        <v>476</v>
      </c>
      <c r="D31" s="1" t="s">
        <v>51</v>
      </c>
      <c r="E31" s="1" t="s">
        <v>477</v>
      </c>
      <c r="F31" s="1" t="s">
        <v>123</v>
      </c>
      <c r="G31" s="1" t="s">
        <v>124</v>
      </c>
      <c r="J31" s="1" t="s">
        <v>30</v>
      </c>
      <c r="K31" s="1" t="s">
        <v>61</v>
      </c>
      <c r="M31" s="1" t="s">
        <v>125</v>
      </c>
      <c r="N31" s="1" t="s">
        <v>33</v>
      </c>
      <c r="O31" s="1" t="s">
        <v>92</v>
      </c>
      <c r="P31" s="1" t="s">
        <v>35</v>
      </c>
      <c r="Q31" s="1" t="s">
        <v>36</v>
      </c>
      <c r="S31" s="1" t="s">
        <v>126</v>
      </c>
      <c r="U31" s="1">
        <v>8.4</v>
      </c>
      <c r="V31" s="3">
        <v>170</v>
      </c>
      <c r="W31" s="1" t="s">
        <v>508</v>
      </c>
      <c r="X31" s="1">
        <v>1.1000000000000001</v>
      </c>
      <c r="Y31" s="1">
        <v>4.4999999999999998E-2</v>
      </c>
      <c r="Z31" s="1">
        <v>1.2999999999999999E-2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3</v>
      </c>
      <c r="BC31" s="1">
        <v>0.45</v>
      </c>
      <c r="BD31" s="1">
        <v>0.5</v>
      </c>
      <c r="BF31" s="1"/>
      <c r="BG31" s="1"/>
      <c r="BH31" s="1"/>
      <c r="BI31" s="1"/>
      <c r="BJ31" s="1"/>
      <c r="BK31" s="1"/>
      <c r="BL31" s="1"/>
      <c r="BM31" s="1">
        <v>0.12</v>
      </c>
      <c r="BN31" s="1">
        <v>0.03</v>
      </c>
      <c r="BO31" s="1"/>
      <c r="BP31" s="1"/>
      <c r="BQ31" s="1">
        <v>32.08</v>
      </c>
      <c r="BR31" s="1" t="s">
        <v>531</v>
      </c>
      <c r="BS31" s="1" t="s">
        <v>511</v>
      </c>
      <c r="BT31" s="1">
        <v>2.8</v>
      </c>
      <c r="BU31" s="1"/>
      <c r="BV31" s="1"/>
      <c r="BW31" s="1"/>
      <c r="BX31" s="1"/>
      <c r="BY31" s="1"/>
      <c r="BZ31" s="1"/>
    </row>
    <row r="32" spans="1:78" x14ac:dyDescent="0.15">
      <c r="B32" s="2">
        <v>0.3354166666666667</v>
      </c>
      <c r="C32" s="1" t="s">
        <v>478</v>
      </c>
      <c r="D32" s="1" t="s">
        <v>51</v>
      </c>
      <c r="E32" s="1" t="s">
        <v>477</v>
      </c>
      <c r="G32" s="1" t="s">
        <v>127</v>
      </c>
      <c r="J32" s="1" t="s">
        <v>66</v>
      </c>
      <c r="N32" s="1" t="s">
        <v>33</v>
      </c>
      <c r="P32" s="1" t="s">
        <v>35</v>
      </c>
      <c r="Q32" s="1" t="s">
        <v>84</v>
      </c>
      <c r="S32" s="1" t="s">
        <v>111</v>
      </c>
      <c r="U32" s="1">
        <v>8.3000000000000007</v>
      </c>
      <c r="V32" s="1"/>
      <c r="W32" s="1"/>
      <c r="X32" s="1">
        <v>0.64</v>
      </c>
      <c r="Y32" s="1">
        <v>4.5999999999999999E-2</v>
      </c>
      <c r="Z32" s="1">
        <v>6.000000000000000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3</v>
      </c>
      <c r="BD32" s="1">
        <v>0.35</v>
      </c>
      <c r="BF32" s="1"/>
      <c r="BG32" s="1"/>
      <c r="BH32" s="1"/>
      <c r="BI32" s="1"/>
      <c r="BJ32" s="1"/>
      <c r="BK32" s="1"/>
      <c r="BL32" s="1"/>
      <c r="BM32" s="1">
        <v>0.05</v>
      </c>
      <c r="BN32" s="1">
        <v>2.4E-2</v>
      </c>
      <c r="BO32" s="1"/>
      <c r="BP32" s="1"/>
      <c r="BQ32" s="1">
        <v>32.56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354166666666667</v>
      </c>
      <c r="C33" s="1" t="s">
        <v>553</v>
      </c>
      <c r="D33" s="1" t="s">
        <v>51</v>
      </c>
      <c r="E33" s="1" t="s">
        <v>477</v>
      </c>
      <c r="J33" s="1" t="s">
        <v>67</v>
      </c>
      <c r="N33" s="1" t="s">
        <v>33</v>
      </c>
      <c r="U33" s="1"/>
      <c r="V33" s="1"/>
      <c r="W33" s="1"/>
      <c r="X33" s="1"/>
      <c r="Y33" s="1"/>
      <c r="Z33" s="1"/>
      <c r="AA33" t="s">
        <v>554</v>
      </c>
      <c r="AB33" t="s">
        <v>554</v>
      </c>
      <c r="AC33" s="1" t="s">
        <v>509</v>
      </c>
      <c r="AD33" s="1" t="s">
        <v>510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4</v>
      </c>
      <c r="AL33" s="1" t="s">
        <v>514</v>
      </c>
      <c r="AM33" s="1" t="s">
        <v>514</v>
      </c>
      <c r="AN33" s="1" t="s">
        <v>514</v>
      </c>
      <c r="AO33" s="1" t="s">
        <v>514</v>
      </c>
      <c r="AP33" t="s">
        <v>514</v>
      </c>
      <c r="AQ33" s="1" t="s">
        <v>514</v>
      </c>
      <c r="AR33" s="1" t="s">
        <v>514</v>
      </c>
      <c r="AS33" s="1" t="s">
        <v>514</v>
      </c>
      <c r="AT33" s="1" t="s">
        <v>517</v>
      </c>
      <c r="AU33" s="1"/>
      <c r="AV33" s="1"/>
      <c r="AW33" s="1"/>
      <c r="AX33" s="1" t="s">
        <v>514</v>
      </c>
      <c r="AY33" s="1" t="s">
        <v>523</v>
      </c>
      <c r="AZ33" s="1"/>
      <c r="BA33" s="1"/>
      <c r="BB33" s="1"/>
      <c r="BC33" s="1"/>
      <c r="BD33" s="1"/>
      <c r="BE33" t="s">
        <v>511</v>
      </c>
      <c r="BF33" s="1" t="s">
        <v>511</v>
      </c>
      <c r="BG33" s="1" t="s">
        <v>524</v>
      </c>
      <c r="BH33" s="1" t="s">
        <v>512</v>
      </c>
      <c r="BI33" s="1" t="s">
        <v>510</v>
      </c>
      <c r="BJ33" s="1"/>
      <c r="BK33" s="1" t="s">
        <v>513</v>
      </c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3333333333333331</v>
      </c>
      <c r="C34" s="1" t="s">
        <v>476</v>
      </c>
      <c r="D34" s="1" t="s">
        <v>43</v>
      </c>
      <c r="E34" s="1" t="s">
        <v>477</v>
      </c>
      <c r="F34" s="1" t="s">
        <v>129</v>
      </c>
      <c r="G34" s="1" t="s">
        <v>95</v>
      </c>
      <c r="J34" s="1" t="s">
        <v>30</v>
      </c>
      <c r="K34" s="1" t="s">
        <v>61</v>
      </c>
      <c r="M34" s="1" t="s">
        <v>130</v>
      </c>
      <c r="N34" s="1" t="s">
        <v>33</v>
      </c>
      <c r="O34" s="1" t="s">
        <v>92</v>
      </c>
      <c r="P34" s="1" t="s">
        <v>35</v>
      </c>
      <c r="Q34" s="1" t="s">
        <v>84</v>
      </c>
      <c r="S34" s="1" t="s">
        <v>131</v>
      </c>
      <c r="U34" s="1">
        <v>8.6</v>
      </c>
      <c r="V34" s="3">
        <v>2200</v>
      </c>
      <c r="W34" s="1" t="s">
        <v>508</v>
      </c>
      <c r="X34" s="1">
        <v>1.5</v>
      </c>
      <c r="Y34" s="1">
        <v>5.8000000000000003E-2</v>
      </c>
      <c r="Z34" s="1">
        <v>1.7000000000000001E-2</v>
      </c>
      <c r="AA34" t="s">
        <v>554</v>
      </c>
      <c r="AB34" t="s">
        <v>526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3</v>
      </c>
      <c r="BC34" s="1">
        <v>0.5</v>
      </c>
      <c r="BD34" s="1">
        <v>0.55000000000000004</v>
      </c>
      <c r="BF34" s="1"/>
      <c r="BG34" s="1"/>
      <c r="BH34" s="1"/>
      <c r="BI34" s="1"/>
      <c r="BJ34" s="1"/>
      <c r="BK34" s="1"/>
      <c r="BL34" s="1"/>
      <c r="BM34" s="1">
        <v>0.17</v>
      </c>
      <c r="BN34" s="1">
        <v>4.3999999999999997E-2</v>
      </c>
      <c r="BO34" s="1"/>
      <c r="BP34" s="1"/>
      <c r="BQ34" s="1">
        <v>30.82</v>
      </c>
      <c r="BR34" s="1"/>
      <c r="BS34" s="1"/>
      <c r="BT34" s="1">
        <v>2.4</v>
      </c>
      <c r="BU34" s="1"/>
      <c r="BV34" s="1"/>
      <c r="BW34" s="1"/>
      <c r="BX34" s="1"/>
      <c r="BY34" s="1"/>
      <c r="BZ34" s="1"/>
    </row>
    <row r="35" spans="1:78" x14ac:dyDescent="0.15">
      <c r="B35" s="2">
        <v>0.33333333333333331</v>
      </c>
      <c r="C35" s="1" t="s">
        <v>478</v>
      </c>
      <c r="D35" s="1" t="s">
        <v>43</v>
      </c>
      <c r="E35" s="1" t="s">
        <v>477</v>
      </c>
      <c r="G35" s="1" t="s">
        <v>132</v>
      </c>
      <c r="J35" s="1" t="s">
        <v>66</v>
      </c>
      <c r="N35" s="1" t="s">
        <v>33</v>
      </c>
      <c r="P35" s="1" t="s">
        <v>35</v>
      </c>
      <c r="Q35" s="1" t="s">
        <v>84</v>
      </c>
      <c r="S35" s="1" t="s">
        <v>133</v>
      </c>
      <c r="U35" s="1">
        <v>7.9</v>
      </c>
      <c r="V35" s="1"/>
      <c r="W35" s="1"/>
      <c r="X35" s="1">
        <v>0.76</v>
      </c>
      <c r="Y35" s="1">
        <v>5.3999999999999999E-2</v>
      </c>
      <c r="Z35" s="1">
        <v>8.0000000000000002E-3</v>
      </c>
      <c r="AA35" t="s">
        <v>554</v>
      </c>
      <c r="AB35" t="s">
        <v>526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2</v>
      </c>
      <c r="BC35" s="1">
        <v>0.28999999999999998</v>
      </c>
      <c r="BD35" s="1">
        <v>0.34</v>
      </c>
      <c r="BF35" s="1"/>
      <c r="BG35" s="1"/>
      <c r="BH35" s="1"/>
      <c r="BI35" s="1"/>
      <c r="BJ35" s="1"/>
      <c r="BK35" s="1"/>
      <c r="BL35" s="1"/>
      <c r="BM35" s="1">
        <v>0.09</v>
      </c>
      <c r="BN35" s="1">
        <v>5.1999999999999998E-2</v>
      </c>
      <c r="BO35" s="1"/>
      <c r="BP35" s="1"/>
      <c r="BQ35" s="1">
        <v>32.43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3333333333333331</v>
      </c>
      <c r="C36" s="1" t="s">
        <v>553</v>
      </c>
      <c r="D36" s="1" t="s">
        <v>43</v>
      </c>
      <c r="E36" s="1" t="s">
        <v>477</v>
      </c>
      <c r="J36" s="1" t="s">
        <v>67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1" spans="21:21" x14ac:dyDescent="0.15">
      <c r="U1481" s="1"/>
    </row>
    <row r="1482" spans="21:21" x14ac:dyDescent="0.15">
      <c r="U1482" s="1"/>
    </row>
    <row r="1483" spans="21:21" x14ac:dyDescent="0.15">
      <c r="U1483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3" spans="21:21" x14ac:dyDescent="0.15">
      <c r="U1493" s="1"/>
    </row>
    <row r="1494" spans="21:21" x14ac:dyDescent="0.15">
      <c r="U1494" s="1"/>
    </row>
    <row r="1495" spans="21:21" x14ac:dyDescent="0.15">
      <c r="U1495" s="1"/>
    </row>
    <row r="1496" spans="21:21" x14ac:dyDescent="0.15">
      <c r="U1496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0" spans="21:21" x14ac:dyDescent="0.15">
      <c r="U1500" s="1"/>
    </row>
    <row r="1501" spans="21:21" x14ac:dyDescent="0.15">
      <c r="U1501" s="1"/>
    </row>
    <row r="1502" spans="21:21" x14ac:dyDescent="0.15">
      <c r="U1502" s="1"/>
    </row>
    <row r="1503" spans="21:21" x14ac:dyDescent="0.15">
      <c r="U1503" s="1"/>
    </row>
    <row r="1504" spans="21:21" x14ac:dyDescent="0.15">
      <c r="U1504" s="1"/>
    </row>
    <row r="1505" spans="21:21" x14ac:dyDescent="0.15">
      <c r="U1505" s="1"/>
    </row>
    <row r="1506" spans="21:21" x14ac:dyDescent="0.15">
      <c r="U1506" s="1"/>
    </row>
    <row r="1507" spans="21:21" x14ac:dyDescent="0.15">
      <c r="U1507" s="1"/>
    </row>
    <row r="1508" spans="21:21" x14ac:dyDescent="0.15">
      <c r="U1508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  <row r="1512" spans="21:21" x14ac:dyDescent="0.15">
      <c r="U1512" s="1"/>
    </row>
    <row r="1513" spans="21:21" x14ac:dyDescent="0.15">
      <c r="U1513" s="1"/>
    </row>
    <row r="1514" spans="21:21" x14ac:dyDescent="0.15">
      <c r="U1514" s="1"/>
    </row>
    <row r="1515" spans="21:21" x14ac:dyDescent="0.15">
      <c r="U1515" s="1"/>
    </row>
    <row r="1516" spans="21:21" x14ac:dyDescent="0.15">
      <c r="U1516" s="1"/>
    </row>
    <row r="1517" spans="21:21" x14ac:dyDescent="0.15">
      <c r="U1517" s="1"/>
    </row>
    <row r="1518" spans="21:21" x14ac:dyDescent="0.15">
      <c r="U1518" s="1"/>
    </row>
    <row r="1519" spans="21:21" x14ac:dyDescent="0.15">
      <c r="U1519" s="1"/>
    </row>
    <row r="1520" spans="21:21" x14ac:dyDescent="0.15">
      <c r="U1520" s="1"/>
    </row>
    <row r="1521" spans="21:21" x14ac:dyDescent="0.15">
      <c r="U1521" s="1"/>
    </row>
  </sheetData>
  <phoneticPr fontId="18"/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6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90</v>
      </c>
      <c r="E1" s="1" t="s">
        <v>2</v>
      </c>
      <c r="F1" s="1" t="s">
        <v>488</v>
      </c>
      <c r="G1" s="1" t="s">
        <v>3</v>
      </c>
      <c r="H1" s="1" t="s">
        <v>46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979166666666667</v>
      </c>
      <c r="C4" s="1" t="s">
        <v>476</v>
      </c>
      <c r="D4" s="1" t="s">
        <v>27</v>
      </c>
      <c r="E4" s="1" t="s">
        <v>477</v>
      </c>
      <c r="F4" s="1" t="s">
        <v>134</v>
      </c>
      <c r="G4" s="1" t="s">
        <v>142</v>
      </c>
      <c r="J4" s="1" t="s">
        <v>30</v>
      </c>
      <c r="K4" s="1" t="s">
        <v>189</v>
      </c>
      <c r="M4" s="1" t="s">
        <v>170</v>
      </c>
      <c r="N4" s="1" t="s">
        <v>33</v>
      </c>
      <c r="O4" s="1" t="s">
        <v>34</v>
      </c>
      <c r="P4" s="1" t="s">
        <v>35</v>
      </c>
      <c r="Q4" s="1" t="s">
        <v>84</v>
      </c>
      <c r="S4" s="1" t="s">
        <v>119</v>
      </c>
      <c r="U4" s="1">
        <v>9.4</v>
      </c>
      <c r="V4" s="1" t="s">
        <v>515</v>
      </c>
      <c r="W4" s="1" t="s">
        <v>508</v>
      </c>
      <c r="X4" s="1">
        <v>0.87</v>
      </c>
      <c r="Y4" s="1">
        <v>4.2999999999999997E-2</v>
      </c>
      <c r="Z4" s="1">
        <v>2E-3</v>
      </c>
      <c r="AA4" s="1" t="s">
        <v>554</v>
      </c>
      <c r="AB4" s="1" t="s">
        <v>526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0.28000000000000003</v>
      </c>
      <c r="BD4" s="1">
        <v>0.33</v>
      </c>
      <c r="BE4" s="1"/>
      <c r="BF4" s="1"/>
      <c r="BG4" s="1"/>
      <c r="BH4" s="1"/>
      <c r="BI4" s="1"/>
      <c r="BJ4" s="1"/>
      <c r="BK4" s="1"/>
      <c r="BL4" s="1"/>
      <c r="BM4" s="1">
        <v>0.06</v>
      </c>
      <c r="BN4" s="1">
        <v>4.0000000000000001E-3</v>
      </c>
      <c r="BO4" s="1"/>
      <c r="BP4" s="1"/>
      <c r="BQ4" s="1">
        <v>31.26</v>
      </c>
      <c r="BR4" s="1"/>
      <c r="BS4" s="1"/>
      <c r="BT4" s="1">
        <v>24</v>
      </c>
      <c r="BU4" s="1"/>
      <c r="BV4" s="1"/>
      <c r="BW4" s="1"/>
      <c r="BX4" s="1"/>
      <c r="BY4" s="1"/>
      <c r="BZ4" s="1"/>
    </row>
    <row r="5" spans="1:78" x14ac:dyDescent="0.15">
      <c r="B5" s="2">
        <v>0.3979166666666667</v>
      </c>
      <c r="C5" s="1" t="s">
        <v>478</v>
      </c>
      <c r="D5" s="1" t="s">
        <v>27</v>
      </c>
      <c r="E5" s="1" t="s">
        <v>477</v>
      </c>
      <c r="G5" s="1" t="s">
        <v>304</v>
      </c>
      <c r="J5" s="1" t="s">
        <v>227</v>
      </c>
      <c r="N5" s="1" t="s">
        <v>33</v>
      </c>
      <c r="P5" s="1" t="s">
        <v>35</v>
      </c>
      <c r="Q5" s="1" t="s">
        <v>40</v>
      </c>
      <c r="S5" s="1" t="s">
        <v>32</v>
      </c>
      <c r="U5" s="1">
        <v>6.2</v>
      </c>
      <c r="V5" s="1"/>
      <c r="W5" s="1"/>
      <c r="X5" s="1">
        <v>0.63</v>
      </c>
      <c r="Y5" s="1">
        <v>4.7E-2</v>
      </c>
      <c r="Z5" s="1">
        <v>5.0000000000000001E-3</v>
      </c>
      <c r="AA5" s="1" t="s">
        <v>554</v>
      </c>
      <c r="AB5" s="1" t="s">
        <v>52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18</v>
      </c>
      <c r="BD5" s="1">
        <v>0.23</v>
      </c>
      <c r="BE5" s="1"/>
      <c r="BF5" s="1"/>
      <c r="BG5" s="1"/>
      <c r="BH5" s="1"/>
      <c r="BI5" s="1"/>
      <c r="BJ5" s="1"/>
      <c r="BK5" s="1"/>
      <c r="BL5" s="1"/>
      <c r="BM5" s="1">
        <v>0.12</v>
      </c>
      <c r="BN5" s="1">
        <v>2.3E-2</v>
      </c>
      <c r="BO5" s="1"/>
      <c r="BP5" s="1"/>
      <c r="BQ5" s="1">
        <v>32.69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36041666666666666</v>
      </c>
      <c r="C6" s="1" t="s">
        <v>476</v>
      </c>
      <c r="D6" s="1" t="s">
        <v>43</v>
      </c>
      <c r="E6" s="1" t="s">
        <v>44</v>
      </c>
      <c r="F6" s="1" t="s">
        <v>139</v>
      </c>
      <c r="G6" s="1" t="s">
        <v>155</v>
      </c>
      <c r="J6" s="1" t="s">
        <v>30</v>
      </c>
      <c r="K6" s="1" t="s">
        <v>71</v>
      </c>
      <c r="M6" s="1" t="s">
        <v>111</v>
      </c>
      <c r="N6" s="1" t="s">
        <v>33</v>
      </c>
      <c r="O6" s="1" t="s">
        <v>34</v>
      </c>
      <c r="P6" s="1" t="s">
        <v>35</v>
      </c>
      <c r="Q6" s="1" t="s">
        <v>36</v>
      </c>
      <c r="S6" s="1" t="s">
        <v>130</v>
      </c>
      <c r="U6" s="1">
        <v>7.8</v>
      </c>
      <c r="V6" s="3">
        <v>17000</v>
      </c>
      <c r="W6" s="1" t="s">
        <v>508</v>
      </c>
      <c r="X6" s="1">
        <v>2.1</v>
      </c>
      <c r="Y6" s="1">
        <v>0.15</v>
      </c>
      <c r="Z6" s="1">
        <v>4.0000000000000001E-3</v>
      </c>
      <c r="AA6" s="1" t="s">
        <v>554</v>
      </c>
      <c r="AB6" s="1" t="s">
        <v>568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6</v>
      </c>
      <c r="BC6" s="1">
        <v>0.94</v>
      </c>
      <c r="BD6" s="1">
        <v>1</v>
      </c>
      <c r="BE6" s="1"/>
      <c r="BF6" s="1"/>
      <c r="BG6" s="1"/>
      <c r="BH6" s="1"/>
      <c r="BI6" s="1"/>
      <c r="BJ6" s="1"/>
      <c r="BK6" s="1"/>
      <c r="BL6" s="1"/>
      <c r="BM6" s="1">
        <v>0.47</v>
      </c>
      <c r="BN6" s="1">
        <v>0.1</v>
      </c>
      <c r="BO6" s="1"/>
      <c r="BP6" s="1"/>
      <c r="BQ6" s="1">
        <v>21.45</v>
      </c>
      <c r="BR6" s="1"/>
      <c r="BS6" s="1"/>
      <c r="BT6" s="1">
        <v>10</v>
      </c>
      <c r="BU6" s="1"/>
      <c r="BV6" s="1"/>
      <c r="BW6" s="1"/>
      <c r="BX6" s="1"/>
      <c r="BY6" s="1"/>
      <c r="BZ6" s="1"/>
    </row>
    <row r="7" spans="1:78" x14ac:dyDescent="0.15">
      <c r="B7" s="2">
        <v>0.36041666666666666</v>
      </c>
      <c r="C7" s="1" t="s">
        <v>478</v>
      </c>
      <c r="D7" s="1" t="s">
        <v>43</v>
      </c>
      <c r="E7" s="1" t="s">
        <v>44</v>
      </c>
      <c r="G7" s="1" t="s">
        <v>38</v>
      </c>
      <c r="J7" s="1" t="s">
        <v>331</v>
      </c>
      <c r="N7" s="1" t="s">
        <v>33</v>
      </c>
      <c r="P7" s="1" t="s">
        <v>35</v>
      </c>
      <c r="Q7" s="1" t="s">
        <v>40</v>
      </c>
      <c r="S7" s="1" t="s">
        <v>104</v>
      </c>
      <c r="U7" s="1">
        <v>6.4</v>
      </c>
      <c r="V7" s="1"/>
      <c r="W7" s="1"/>
      <c r="X7" s="1">
        <v>0.48</v>
      </c>
      <c r="Y7" s="1">
        <v>3.5000000000000003E-2</v>
      </c>
      <c r="Z7" s="1">
        <v>2E-3</v>
      </c>
      <c r="AA7" s="1" t="s">
        <v>554</v>
      </c>
      <c r="AB7" s="1" t="s">
        <v>52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0</v>
      </c>
      <c r="BC7" s="1">
        <v>0.14000000000000001</v>
      </c>
      <c r="BD7" s="1">
        <v>0.19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2.5000000000000001E-2</v>
      </c>
      <c r="BO7" s="1"/>
      <c r="BP7" s="1"/>
      <c r="BQ7" s="1">
        <v>34.34000000000000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5833333333333334</v>
      </c>
      <c r="C8" s="1" t="s">
        <v>476</v>
      </c>
      <c r="D8" s="1" t="s">
        <v>51</v>
      </c>
      <c r="E8" s="1" t="s">
        <v>477</v>
      </c>
      <c r="F8" s="1" t="s">
        <v>306</v>
      </c>
      <c r="G8" s="1" t="s">
        <v>332</v>
      </c>
      <c r="J8" s="1" t="s">
        <v>30</v>
      </c>
      <c r="K8" s="1" t="s">
        <v>333</v>
      </c>
      <c r="M8" s="1" t="s">
        <v>41</v>
      </c>
      <c r="N8" s="1" t="s">
        <v>33</v>
      </c>
      <c r="O8" s="1" t="s">
        <v>34</v>
      </c>
      <c r="P8" s="1" t="s">
        <v>35</v>
      </c>
      <c r="Q8" s="1" t="s">
        <v>146</v>
      </c>
      <c r="S8" s="1" t="s">
        <v>237</v>
      </c>
      <c r="U8" s="1">
        <v>9</v>
      </c>
      <c r="V8" s="3">
        <v>33</v>
      </c>
      <c r="W8" s="1" t="s">
        <v>508</v>
      </c>
      <c r="X8" s="1">
        <v>1.2</v>
      </c>
      <c r="Y8" s="1">
        <v>8.4000000000000005E-2</v>
      </c>
      <c r="Z8" s="1">
        <v>4.0000000000000001E-3</v>
      </c>
      <c r="AA8" s="1" t="s">
        <v>554</v>
      </c>
      <c r="AB8" s="1" t="s">
        <v>52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17</v>
      </c>
      <c r="BD8" s="1">
        <v>0.22</v>
      </c>
      <c r="BE8" s="1"/>
      <c r="BF8" s="1"/>
      <c r="BG8" s="1"/>
      <c r="BH8" s="1"/>
      <c r="BI8" s="1"/>
      <c r="BJ8" s="1"/>
      <c r="BK8" s="1"/>
      <c r="BL8" s="1"/>
      <c r="BM8" s="1">
        <v>0.15</v>
      </c>
      <c r="BN8" s="1">
        <v>1.2E-2</v>
      </c>
      <c r="BO8" s="1"/>
      <c r="BP8" s="1"/>
      <c r="BQ8" s="1">
        <v>28.93</v>
      </c>
      <c r="BR8" s="1"/>
      <c r="BS8" s="1"/>
      <c r="BT8" s="1">
        <v>13</v>
      </c>
      <c r="BU8" s="1"/>
      <c r="BV8" s="1"/>
      <c r="BW8" s="1"/>
      <c r="BX8" s="1"/>
      <c r="BY8" s="1"/>
      <c r="BZ8" s="1"/>
    </row>
    <row r="9" spans="1:78" x14ac:dyDescent="0.15">
      <c r="B9" s="2">
        <v>0.35833333333333334</v>
      </c>
      <c r="C9" s="1" t="s">
        <v>478</v>
      </c>
      <c r="D9" s="1" t="s">
        <v>51</v>
      </c>
      <c r="E9" s="1" t="s">
        <v>477</v>
      </c>
      <c r="G9" s="1" t="s">
        <v>48</v>
      </c>
      <c r="J9" s="1" t="s">
        <v>195</v>
      </c>
      <c r="N9" s="1" t="s">
        <v>33</v>
      </c>
      <c r="P9" s="1" t="s">
        <v>35</v>
      </c>
      <c r="Q9" s="1" t="s">
        <v>40</v>
      </c>
      <c r="S9" s="1" t="s">
        <v>54</v>
      </c>
      <c r="U9" s="1">
        <v>4.2</v>
      </c>
      <c r="V9" s="1"/>
      <c r="W9" s="1"/>
      <c r="X9" s="1">
        <v>0.47</v>
      </c>
      <c r="Y9" s="1">
        <v>5.2999999999999999E-2</v>
      </c>
      <c r="Z9" s="1">
        <v>4.0000000000000001E-3</v>
      </c>
      <c r="AA9" s="1" t="s">
        <v>554</v>
      </c>
      <c r="AB9" s="1" t="s">
        <v>52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2</v>
      </c>
      <c r="BC9" s="1">
        <v>0.1</v>
      </c>
      <c r="BD9" s="1">
        <v>0.15</v>
      </c>
      <c r="BE9" s="1"/>
      <c r="BF9" s="1"/>
      <c r="BG9" s="1"/>
      <c r="BH9" s="1"/>
      <c r="BI9" s="1"/>
      <c r="BJ9" s="1"/>
      <c r="BK9" s="1"/>
      <c r="BL9" s="1"/>
      <c r="BM9" s="1">
        <v>0.08</v>
      </c>
      <c r="BN9" s="1">
        <v>3.5000000000000003E-2</v>
      </c>
      <c r="BO9" s="1"/>
      <c r="BP9" s="1"/>
      <c r="BQ9" s="1">
        <v>34.21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9930555555555558</v>
      </c>
      <c r="C10" s="1" t="s">
        <v>476</v>
      </c>
      <c r="D10" s="1" t="s">
        <v>27</v>
      </c>
      <c r="E10" s="1" t="s">
        <v>477</v>
      </c>
      <c r="F10" s="1" t="s">
        <v>334</v>
      </c>
      <c r="G10" s="1" t="s">
        <v>151</v>
      </c>
      <c r="J10" s="1" t="s">
        <v>30</v>
      </c>
      <c r="K10" s="1" t="s">
        <v>335</v>
      </c>
      <c r="M10" s="1" t="s">
        <v>149</v>
      </c>
      <c r="N10" s="1" t="s">
        <v>33</v>
      </c>
      <c r="O10" s="1" t="s">
        <v>34</v>
      </c>
      <c r="P10" s="1" t="s">
        <v>35</v>
      </c>
      <c r="Q10" s="1" t="s">
        <v>146</v>
      </c>
      <c r="S10" s="1" t="s">
        <v>130</v>
      </c>
      <c r="U10" s="1">
        <v>8.9</v>
      </c>
      <c r="V10" s="3">
        <v>23</v>
      </c>
      <c r="W10" s="1" t="s">
        <v>508</v>
      </c>
      <c r="X10" s="1">
        <v>0.88</v>
      </c>
      <c r="Y10" s="1">
        <v>4.3999999999999997E-2</v>
      </c>
      <c r="Z10" s="1">
        <v>2E-3</v>
      </c>
      <c r="AA10" s="1" t="s">
        <v>554</v>
      </c>
      <c r="AB10" s="1" t="s">
        <v>52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0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 t="s">
        <v>518</v>
      </c>
      <c r="BO10" s="1"/>
      <c r="BP10" s="1"/>
      <c r="BQ10" s="1">
        <v>30.05</v>
      </c>
      <c r="BR10" s="1"/>
      <c r="BS10" s="1"/>
      <c r="BT10" s="1">
        <v>15</v>
      </c>
      <c r="BU10" s="1"/>
      <c r="BV10" s="1"/>
      <c r="BW10" s="1"/>
      <c r="BX10" s="1"/>
      <c r="BY10" s="1"/>
      <c r="BZ10" s="1"/>
    </row>
    <row r="11" spans="1:78" x14ac:dyDescent="0.15">
      <c r="B11" s="2">
        <v>0.39930555555555558</v>
      </c>
      <c r="C11" s="1" t="s">
        <v>478</v>
      </c>
      <c r="D11" s="1" t="s">
        <v>27</v>
      </c>
      <c r="E11" s="1" t="s">
        <v>477</v>
      </c>
      <c r="G11" s="1" t="s">
        <v>215</v>
      </c>
      <c r="J11" s="1" t="s">
        <v>82</v>
      </c>
      <c r="N11" s="1" t="s">
        <v>33</v>
      </c>
      <c r="P11" s="1" t="s">
        <v>35</v>
      </c>
      <c r="Q11" s="1" t="s">
        <v>93</v>
      </c>
      <c r="S11" s="1" t="s">
        <v>54</v>
      </c>
      <c r="U11" s="1">
        <v>3.7</v>
      </c>
      <c r="V11" s="1"/>
      <c r="W11" s="1"/>
      <c r="X11" s="1">
        <v>0.57999999999999996</v>
      </c>
      <c r="Y11" s="1">
        <v>7.6999999999999999E-2</v>
      </c>
      <c r="Z11" s="1">
        <v>3.0000000000000001E-3</v>
      </c>
      <c r="AA11" s="1" t="s">
        <v>554</v>
      </c>
      <c r="AB11" s="1" t="s">
        <v>52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18</v>
      </c>
      <c r="BD11" s="1">
        <v>0.23</v>
      </c>
      <c r="BE11" s="1"/>
      <c r="BF11" s="1"/>
      <c r="BG11" s="1"/>
      <c r="BH11" s="1"/>
      <c r="BI11" s="1"/>
      <c r="BJ11" s="1"/>
      <c r="BK11" s="1"/>
      <c r="BL11" s="1"/>
      <c r="BM11" s="1">
        <v>0.08</v>
      </c>
      <c r="BN11" s="1">
        <v>6.4000000000000001E-2</v>
      </c>
      <c r="BO11" s="1"/>
      <c r="BP11" s="1"/>
      <c r="BQ11" s="1">
        <v>34.15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9930555555555558</v>
      </c>
      <c r="C12" s="1" t="s">
        <v>553</v>
      </c>
      <c r="D12" s="1" t="s">
        <v>27</v>
      </c>
      <c r="E12" s="1" t="s">
        <v>477</v>
      </c>
      <c r="J12" s="1" t="s">
        <v>39</v>
      </c>
      <c r="N12" s="1" t="s">
        <v>33</v>
      </c>
      <c r="U12" s="1"/>
      <c r="V12" s="1"/>
      <c r="W12" s="1"/>
      <c r="X12" s="1"/>
      <c r="Y12" s="1"/>
      <c r="Z12" s="1"/>
      <c r="AA12" s="1" t="s">
        <v>554</v>
      </c>
      <c r="AB12" s="1" t="s">
        <v>554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7083333333333335</v>
      </c>
      <c r="C13" s="1" t="s">
        <v>476</v>
      </c>
      <c r="D13" s="1" t="s">
        <v>69</v>
      </c>
      <c r="E13" s="1" t="s">
        <v>70</v>
      </c>
      <c r="F13" s="1" t="s">
        <v>334</v>
      </c>
      <c r="G13" s="1" t="s">
        <v>60</v>
      </c>
      <c r="J13" s="1" t="s">
        <v>30</v>
      </c>
      <c r="K13" s="1" t="s">
        <v>336</v>
      </c>
      <c r="M13" s="1" t="s">
        <v>301</v>
      </c>
      <c r="N13" s="1" t="s">
        <v>33</v>
      </c>
      <c r="O13" s="1" t="s">
        <v>157</v>
      </c>
      <c r="P13" s="1" t="s">
        <v>35</v>
      </c>
      <c r="Q13" s="1" t="s">
        <v>174</v>
      </c>
      <c r="S13" s="1" t="s">
        <v>240</v>
      </c>
      <c r="U13" s="1">
        <v>9.1999999999999993</v>
      </c>
      <c r="V13" s="3">
        <v>23</v>
      </c>
      <c r="W13" s="1" t="s">
        <v>508</v>
      </c>
      <c r="X13" s="1">
        <v>0.86</v>
      </c>
      <c r="Y13" s="1">
        <v>5.8999999999999997E-2</v>
      </c>
      <c r="Z13" s="1">
        <v>3.0000000000000001E-3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0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>
        <v>0.04</v>
      </c>
      <c r="BN13" s="1">
        <v>1E-3</v>
      </c>
      <c r="BO13" s="1"/>
      <c r="BP13" s="1"/>
      <c r="BQ13" s="1">
        <v>29.44</v>
      </c>
      <c r="BR13" s="1" t="s">
        <v>531</v>
      </c>
      <c r="BS13" s="1" t="s">
        <v>511</v>
      </c>
      <c r="BT13" s="1">
        <v>25</v>
      </c>
      <c r="BU13" s="1"/>
      <c r="BV13" s="1"/>
      <c r="BW13" s="1"/>
      <c r="BX13" s="1"/>
      <c r="BY13" s="1"/>
      <c r="BZ13" s="1"/>
    </row>
    <row r="14" spans="1:78" x14ac:dyDescent="0.15">
      <c r="B14" s="2">
        <v>0.37083333333333335</v>
      </c>
      <c r="C14" s="1" t="s">
        <v>478</v>
      </c>
      <c r="D14" s="1" t="s">
        <v>69</v>
      </c>
      <c r="E14" s="1" t="s">
        <v>70</v>
      </c>
      <c r="G14" s="1" t="s">
        <v>337</v>
      </c>
      <c r="J14" s="1" t="s">
        <v>293</v>
      </c>
      <c r="N14" s="1" t="s">
        <v>33</v>
      </c>
      <c r="P14" s="1" t="s">
        <v>35</v>
      </c>
      <c r="Q14" s="1" t="s">
        <v>93</v>
      </c>
      <c r="S14" s="1" t="s">
        <v>170</v>
      </c>
      <c r="U14" s="1">
        <v>2.9</v>
      </c>
      <c r="V14" s="1"/>
      <c r="W14" s="1"/>
      <c r="X14" s="1">
        <v>0.54</v>
      </c>
      <c r="Y14" s="1">
        <v>6.2E-2</v>
      </c>
      <c r="Z14" s="1">
        <v>3.0000000000000001E-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21</v>
      </c>
      <c r="BD14" s="1">
        <v>0.26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4.9000000000000002E-2</v>
      </c>
      <c r="BO14" s="1"/>
      <c r="BP14" s="1"/>
      <c r="BQ14" s="1">
        <v>33.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7083333333333335</v>
      </c>
      <c r="C15" s="1" t="s">
        <v>553</v>
      </c>
      <c r="D15" s="1" t="s">
        <v>69</v>
      </c>
      <c r="E15" s="1" t="s">
        <v>70</v>
      </c>
      <c r="J15" s="1" t="s">
        <v>190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0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4</v>
      </c>
      <c r="AL15" s="1" t="s">
        <v>514</v>
      </c>
      <c r="AM15" s="1" t="s">
        <v>514</v>
      </c>
      <c r="AN15" s="1" t="s">
        <v>514</v>
      </c>
      <c r="AO15" s="1" t="s">
        <v>514</v>
      </c>
      <c r="AP15" t="s">
        <v>514</v>
      </c>
      <c r="AQ15" s="1" t="s">
        <v>514</v>
      </c>
      <c r="AR15" s="1" t="s">
        <v>514</v>
      </c>
      <c r="AS15" s="1" t="s">
        <v>514</v>
      </c>
      <c r="AT15" s="1" t="s">
        <v>517</v>
      </c>
      <c r="AU15" s="1"/>
      <c r="AV15" s="1"/>
      <c r="AW15" s="1"/>
      <c r="AX15" s="1" t="s">
        <v>514</v>
      </c>
      <c r="AY15" s="1" t="s">
        <v>523</v>
      </c>
      <c r="AZ15" s="1"/>
      <c r="BA15" s="1"/>
      <c r="BB15" s="1"/>
      <c r="BC15" s="1"/>
      <c r="BD15" s="1"/>
      <c r="BE15" s="1" t="s">
        <v>511</v>
      </c>
      <c r="BF15" s="1" t="s">
        <v>511</v>
      </c>
      <c r="BG15" s="1" t="s">
        <v>524</v>
      </c>
      <c r="BH15" s="1" t="s">
        <v>512</v>
      </c>
      <c r="BI15" s="1" t="s">
        <v>510</v>
      </c>
      <c r="BJ15" s="1"/>
      <c r="BK15" s="1" t="s">
        <v>513</v>
      </c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9583333333333331</v>
      </c>
      <c r="C16" s="1" t="s">
        <v>476</v>
      </c>
      <c r="D16" s="1" t="s">
        <v>43</v>
      </c>
      <c r="E16" s="1" t="s">
        <v>477</v>
      </c>
      <c r="F16" s="1" t="s">
        <v>195</v>
      </c>
      <c r="G16" s="1" t="s">
        <v>154</v>
      </c>
      <c r="J16" s="1" t="s">
        <v>30</v>
      </c>
      <c r="K16" s="1" t="s">
        <v>331</v>
      </c>
      <c r="M16" s="1" t="s">
        <v>133</v>
      </c>
      <c r="N16" s="1" t="s">
        <v>33</v>
      </c>
      <c r="O16" s="1" t="s">
        <v>92</v>
      </c>
      <c r="P16" s="1" t="s">
        <v>35</v>
      </c>
      <c r="Q16" s="1" t="s">
        <v>84</v>
      </c>
      <c r="S16" s="1" t="s">
        <v>125</v>
      </c>
      <c r="U16" s="1">
        <v>5.5</v>
      </c>
      <c r="V16" s="3">
        <v>130</v>
      </c>
      <c r="W16" s="1" t="s">
        <v>508</v>
      </c>
      <c r="X16" s="1">
        <v>0.59</v>
      </c>
      <c r="Y16" s="1">
        <v>6.7000000000000004E-2</v>
      </c>
      <c r="Z16" s="1">
        <v>3.0000000000000001E-3</v>
      </c>
      <c r="AA16" s="1" t="s">
        <v>554</v>
      </c>
      <c r="AB16" s="1" t="s">
        <v>526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7.0000000000000007E-2</v>
      </c>
      <c r="BD16" s="1">
        <v>0.12</v>
      </c>
      <c r="BE16" s="1"/>
      <c r="BF16" s="1"/>
      <c r="BG16" s="1"/>
      <c r="BH16" s="1"/>
      <c r="BI16" s="1"/>
      <c r="BJ16" s="1"/>
      <c r="BK16" s="1"/>
      <c r="BL16" s="1"/>
      <c r="BM16" s="1">
        <v>0.08</v>
      </c>
      <c r="BN16" s="1">
        <v>3.1E-2</v>
      </c>
      <c r="BO16" s="1"/>
      <c r="BP16" s="1"/>
      <c r="BQ16" s="1">
        <v>30.39</v>
      </c>
      <c r="BR16" s="1"/>
      <c r="BS16" s="1"/>
      <c r="BT16" s="1">
        <v>9.9</v>
      </c>
      <c r="BU16" s="1"/>
      <c r="BV16" s="1"/>
      <c r="BW16" s="1"/>
      <c r="BX16" s="1"/>
      <c r="BY16" s="1"/>
      <c r="BZ16" s="1"/>
    </row>
    <row r="17" spans="1:78" x14ac:dyDescent="0.15">
      <c r="B17" s="2">
        <v>0.39583333333333331</v>
      </c>
      <c r="C17" s="1" t="s">
        <v>478</v>
      </c>
      <c r="D17" s="1" t="s">
        <v>43</v>
      </c>
      <c r="E17" s="1" t="s">
        <v>477</v>
      </c>
      <c r="G17" s="1" t="s">
        <v>308</v>
      </c>
      <c r="J17" s="1" t="s">
        <v>60</v>
      </c>
      <c r="N17" s="1" t="s">
        <v>33</v>
      </c>
      <c r="P17" s="1" t="s">
        <v>35</v>
      </c>
      <c r="Q17" s="1" t="s">
        <v>40</v>
      </c>
      <c r="S17" s="1" t="s">
        <v>111</v>
      </c>
      <c r="U17" s="1">
        <v>2.2000000000000002</v>
      </c>
      <c r="V17" s="1"/>
      <c r="W17" s="1"/>
      <c r="X17" s="1">
        <v>0.68</v>
      </c>
      <c r="Y17" s="1">
        <v>7.3999999999999996E-2</v>
      </c>
      <c r="Z17" s="1">
        <v>5.0000000000000001E-3</v>
      </c>
      <c r="AA17" s="1" t="s">
        <v>554</v>
      </c>
      <c r="AB17" s="1" t="s">
        <v>526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09</v>
      </c>
      <c r="BD17" s="1">
        <v>0.14000000000000001</v>
      </c>
      <c r="BE17" s="1"/>
      <c r="BF17" s="1"/>
      <c r="BG17" s="1"/>
      <c r="BH17" s="1"/>
      <c r="BI17" s="1"/>
      <c r="BJ17" s="1"/>
      <c r="BK17" s="1"/>
      <c r="BL17" s="1"/>
      <c r="BM17" s="1">
        <v>0.11</v>
      </c>
      <c r="BN17" s="1">
        <v>4.4999999999999998E-2</v>
      </c>
      <c r="BO17" s="1"/>
      <c r="BP17" s="1"/>
      <c r="BQ17" s="1">
        <v>31.74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9583333333333331</v>
      </c>
      <c r="C18" s="1" t="s">
        <v>553</v>
      </c>
      <c r="D18" s="1" t="s">
        <v>43</v>
      </c>
      <c r="E18" s="1" t="s">
        <v>477</v>
      </c>
      <c r="J18" s="1" t="s">
        <v>39</v>
      </c>
      <c r="N18" s="1" t="s">
        <v>33</v>
      </c>
      <c r="U18" s="1"/>
      <c r="V18" s="1"/>
      <c r="W18" s="1"/>
      <c r="X18" s="1"/>
      <c r="Y18" s="1"/>
      <c r="Z18" s="1"/>
      <c r="AA18" s="1" t="s">
        <v>554</v>
      </c>
      <c r="AB18" s="1" t="s">
        <v>55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9305555555555555</v>
      </c>
      <c r="C19" s="1" t="s">
        <v>476</v>
      </c>
      <c r="D19" s="1" t="s">
        <v>43</v>
      </c>
      <c r="E19" s="1" t="s">
        <v>70</v>
      </c>
      <c r="F19" s="1" t="s">
        <v>94</v>
      </c>
      <c r="G19" s="1" t="s">
        <v>193</v>
      </c>
      <c r="J19" s="1" t="s">
        <v>30</v>
      </c>
      <c r="K19" s="1" t="s">
        <v>338</v>
      </c>
      <c r="M19" s="1" t="s">
        <v>339</v>
      </c>
      <c r="N19" s="1" t="s">
        <v>33</v>
      </c>
      <c r="O19" s="1" t="s">
        <v>239</v>
      </c>
      <c r="P19" s="1" t="s">
        <v>35</v>
      </c>
      <c r="Q19" s="1" t="s">
        <v>93</v>
      </c>
      <c r="S19" s="1" t="s">
        <v>169</v>
      </c>
      <c r="U19" s="1">
        <v>7.1</v>
      </c>
      <c r="V19" s="3">
        <v>13000</v>
      </c>
      <c r="W19" s="1" t="s">
        <v>508</v>
      </c>
      <c r="X19" s="1">
        <v>1.7</v>
      </c>
      <c r="Y19" s="1">
        <v>0.13</v>
      </c>
      <c r="Z19" s="1">
        <v>4.0000000000000001E-3</v>
      </c>
      <c r="AA19" s="1" t="s">
        <v>554</v>
      </c>
      <c r="AB19" s="1" t="s">
        <v>569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1</v>
      </c>
      <c r="BD19" s="1">
        <v>1</v>
      </c>
      <c r="BE19" s="1"/>
      <c r="BF19" s="1"/>
      <c r="BG19" s="1"/>
      <c r="BH19" s="1"/>
      <c r="BI19" s="1"/>
      <c r="BJ19" s="1"/>
      <c r="BK19" s="1"/>
      <c r="BL19" s="1"/>
      <c r="BM19" s="1">
        <v>0.15</v>
      </c>
      <c r="BN19" s="1">
        <v>9.4E-2</v>
      </c>
      <c r="BO19" s="1"/>
      <c r="BP19" s="1"/>
      <c r="BQ19" s="1">
        <v>11.4</v>
      </c>
      <c r="BR19" s="1"/>
      <c r="BS19" s="1"/>
      <c r="BT19" s="1">
        <v>2.2000000000000002</v>
      </c>
      <c r="BU19" s="1"/>
      <c r="BV19" s="1"/>
      <c r="BW19" s="1"/>
      <c r="BX19" s="1"/>
      <c r="BY19" s="1"/>
      <c r="BZ19" s="1"/>
    </row>
    <row r="20" spans="1:78" x14ac:dyDescent="0.15">
      <c r="B20" s="2">
        <v>0.39305555555555555</v>
      </c>
      <c r="C20" s="1" t="s">
        <v>478</v>
      </c>
      <c r="D20" s="1" t="s">
        <v>43</v>
      </c>
      <c r="E20" s="1" t="s">
        <v>70</v>
      </c>
      <c r="G20" s="1" t="s">
        <v>294</v>
      </c>
      <c r="J20" s="1" t="s">
        <v>272</v>
      </c>
      <c r="N20" s="1" t="s">
        <v>33</v>
      </c>
      <c r="P20" s="1" t="s">
        <v>35</v>
      </c>
      <c r="Q20" s="1" t="s">
        <v>40</v>
      </c>
      <c r="S20" s="1" t="s">
        <v>104</v>
      </c>
      <c r="U20" s="1">
        <v>4.4000000000000004</v>
      </c>
      <c r="V20" s="1"/>
      <c r="W20" s="1"/>
      <c r="X20" s="1">
        <v>0.53</v>
      </c>
      <c r="Y20" s="1">
        <v>6.9000000000000006E-2</v>
      </c>
      <c r="Z20" s="1">
        <v>2E-3</v>
      </c>
      <c r="AA20" s="1" t="s">
        <v>554</v>
      </c>
      <c r="AB20" s="1" t="s">
        <v>558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0</v>
      </c>
      <c r="BC20" s="1">
        <v>0.23</v>
      </c>
      <c r="BD20" s="1">
        <v>0.28000000000000003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5.0999999999999997E-2</v>
      </c>
      <c r="BO20" s="1"/>
      <c r="BP20" s="1"/>
      <c r="BQ20" s="1">
        <v>32.03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9305555555555555</v>
      </c>
      <c r="C21" s="1" t="s">
        <v>553</v>
      </c>
      <c r="D21" s="1" t="s">
        <v>43</v>
      </c>
      <c r="E21" s="1" t="s">
        <v>70</v>
      </c>
      <c r="J21" s="1" t="s">
        <v>124</v>
      </c>
      <c r="N21" s="1" t="s">
        <v>33</v>
      </c>
      <c r="U21" s="1"/>
      <c r="V21" s="1"/>
      <c r="W21" s="1"/>
      <c r="X21" s="1"/>
      <c r="Y21" s="1"/>
      <c r="Z21" s="1"/>
      <c r="AA21" s="1" t="s">
        <v>554</v>
      </c>
      <c r="AB21" s="1" t="s">
        <v>554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 t="s">
        <v>513</v>
      </c>
      <c r="AV21" s="1" t="s">
        <v>509</v>
      </c>
      <c r="AW21" s="1" t="s">
        <v>509</v>
      </c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6736111111111108</v>
      </c>
      <c r="C22" s="1" t="s">
        <v>476</v>
      </c>
      <c r="D22" s="1" t="s">
        <v>43</v>
      </c>
      <c r="E22" s="1" t="s">
        <v>44</v>
      </c>
      <c r="F22" s="1" t="s">
        <v>215</v>
      </c>
      <c r="G22" s="1" t="s">
        <v>165</v>
      </c>
      <c r="J22" s="1" t="s">
        <v>30</v>
      </c>
      <c r="K22" s="1" t="s">
        <v>335</v>
      </c>
      <c r="M22" s="1" t="s">
        <v>131</v>
      </c>
      <c r="N22" s="1" t="s">
        <v>33</v>
      </c>
      <c r="O22" s="1" t="s">
        <v>92</v>
      </c>
      <c r="P22" s="1" t="s">
        <v>35</v>
      </c>
      <c r="Q22" s="1" t="s">
        <v>36</v>
      </c>
      <c r="S22" s="1" t="s">
        <v>49</v>
      </c>
      <c r="U22" s="1">
        <v>7.7</v>
      </c>
      <c r="V22" s="3">
        <v>49</v>
      </c>
      <c r="W22" s="1" t="s">
        <v>508</v>
      </c>
      <c r="X22" s="1">
        <v>1.1000000000000001</v>
      </c>
      <c r="Y22" s="1">
        <v>8.6999999999999994E-2</v>
      </c>
      <c r="Z22" s="1">
        <v>5.0000000000000001E-3</v>
      </c>
      <c r="AA22" s="1" t="s">
        <v>554</v>
      </c>
      <c r="AB22" s="1" t="s">
        <v>52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3</v>
      </c>
      <c r="BC22" s="1">
        <v>0.44</v>
      </c>
      <c r="BD22" s="1">
        <v>0.49</v>
      </c>
      <c r="BE22" s="1"/>
      <c r="BF22" s="1"/>
      <c r="BG22" s="1"/>
      <c r="BH22" s="1"/>
      <c r="BI22" s="1"/>
      <c r="BJ22" s="1"/>
      <c r="BK22" s="1"/>
      <c r="BL22" s="1"/>
      <c r="BM22" s="1">
        <v>0.08</v>
      </c>
      <c r="BN22" s="1">
        <v>4.1000000000000002E-2</v>
      </c>
      <c r="BO22" s="1"/>
      <c r="BP22" s="1"/>
      <c r="BQ22" s="1">
        <v>30.32</v>
      </c>
      <c r="BR22" s="1"/>
      <c r="BS22" s="1"/>
      <c r="BT22" s="1">
        <v>13</v>
      </c>
      <c r="BU22" s="1"/>
      <c r="BV22" s="1"/>
      <c r="BW22" s="1"/>
      <c r="BX22" s="1"/>
      <c r="BY22" s="1"/>
      <c r="BZ22" s="1"/>
    </row>
    <row r="23" spans="1:78" x14ac:dyDescent="0.15">
      <c r="B23" s="2">
        <v>0.36736111111111108</v>
      </c>
      <c r="C23" s="1" t="s">
        <v>478</v>
      </c>
      <c r="D23" s="1" t="s">
        <v>43</v>
      </c>
      <c r="E23" s="1" t="s">
        <v>44</v>
      </c>
      <c r="G23" s="1" t="s">
        <v>46</v>
      </c>
      <c r="J23" s="1" t="s">
        <v>82</v>
      </c>
      <c r="N23" s="1" t="s">
        <v>33</v>
      </c>
      <c r="P23" s="1" t="s">
        <v>35</v>
      </c>
      <c r="Q23" s="1" t="s">
        <v>40</v>
      </c>
      <c r="S23" s="1" t="s">
        <v>201</v>
      </c>
      <c r="U23" s="1">
        <v>5</v>
      </c>
      <c r="V23" s="1"/>
      <c r="W23" s="1"/>
      <c r="X23" s="1">
        <v>0.44</v>
      </c>
      <c r="Y23" s="1">
        <v>4.4999999999999998E-2</v>
      </c>
      <c r="Z23" s="1">
        <v>3.0000000000000001E-3</v>
      </c>
      <c r="AA23" s="1" t="s">
        <v>554</v>
      </c>
      <c r="AB23" s="1" t="s">
        <v>52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2</v>
      </c>
      <c r="BC23" s="1">
        <v>0.11</v>
      </c>
      <c r="BD23" s="1">
        <v>0.16</v>
      </c>
      <c r="BE23" s="1"/>
      <c r="BF23" s="1"/>
      <c r="BG23" s="1"/>
      <c r="BH23" s="1"/>
      <c r="BI23" s="1"/>
      <c r="BJ23" s="1"/>
      <c r="BK23" s="1"/>
      <c r="BL23" s="1"/>
      <c r="BM23" s="1">
        <v>0.05</v>
      </c>
      <c r="BN23" s="1">
        <v>0.03</v>
      </c>
      <c r="BO23" s="1"/>
      <c r="BP23" s="1"/>
      <c r="BQ23" s="1">
        <v>33.71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6736111111111108</v>
      </c>
      <c r="C24" s="1" t="s">
        <v>553</v>
      </c>
      <c r="D24" s="1" t="s">
        <v>43</v>
      </c>
      <c r="E24" s="1" t="s">
        <v>44</v>
      </c>
      <c r="J24" s="1" t="s">
        <v>39</v>
      </c>
      <c r="N24" s="1" t="s">
        <v>33</v>
      </c>
      <c r="U24" s="1"/>
      <c r="V24" s="1"/>
      <c r="W24" s="1"/>
      <c r="X24" s="1"/>
      <c r="Y24" s="1"/>
      <c r="Z24" s="1"/>
      <c r="AA24" s="1" t="s">
        <v>554</v>
      </c>
      <c r="AB24" s="1" t="s">
        <v>554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38958333333333334</v>
      </c>
      <c r="C25" s="1" t="s">
        <v>476</v>
      </c>
      <c r="D25" s="1" t="s">
        <v>43</v>
      </c>
      <c r="E25" s="1" t="s">
        <v>107</v>
      </c>
      <c r="F25" s="1" t="s">
        <v>108</v>
      </c>
      <c r="G25" s="1" t="s">
        <v>29</v>
      </c>
      <c r="J25" s="1" t="s">
        <v>30</v>
      </c>
      <c r="K25" s="1" t="s">
        <v>340</v>
      </c>
      <c r="M25" s="1" t="s">
        <v>130</v>
      </c>
      <c r="N25" s="1" t="s">
        <v>33</v>
      </c>
      <c r="O25" s="1" t="s">
        <v>92</v>
      </c>
      <c r="P25" s="1" t="s">
        <v>35</v>
      </c>
      <c r="Q25" s="1" t="s">
        <v>84</v>
      </c>
      <c r="S25" s="1" t="s">
        <v>149</v>
      </c>
      <c r="U25" s="1">
        <v>7.7</v>
      </c>
      <c r="V25" s="3">
        <v>33</v>
      </c>
      <c r="W25" s="1" t="s">
        <v>508</v>
      </c>
      <c r="X25" s="1">
        <v>0.92</v>
      </c>
      <c r="Y25" s="1">
        <v>5.0999999999999997E-2</v>
      </c>
      <c r="Z25" s="1">
        <v>3.0000000000000001E-3</v>
      </c>
      <c r="AA25" s="1" t="s">
        <v>554</v>
      </c>
      <c r="AB25" s="1" t="s">
        <v>526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3</v>
      </c>
      <c r="BC25" s="1">
        <v>0.28999999999999998</v>
      </c>
      <c r="BD25" s="1">
        <v>0.34</v>
      </c>
      <c r="BE25" s="1"/>
      <c r="BF25" s="1"/>
      <c r="BG25" s="1"/>
      <c r="BH25" s="1"/>
      <c r="BI25" s="1"/>
      <c r="BJ25" s="1"/>
      <c r="BK25" s="1"/>
      <c r="BL25" s="1"/>
      <c r="BM25" s="1">
        <v>0.12</v>
      </c>
      <c r="BN25" s="1">
        <v>3.1E-2</v>
      </c>
      <c r="BO25" s="1"/>
      <c r="BP25" s="1"/>
      <c r="BQ25" s="1">
        <v>32.020000000000003</v>
      </c>
      <c r="BR25" s="1"/>
      <c r="BS25" s="1"/>
      <c r="BT25" s="1">
        <v>7.8</v>
      </c>
      <c r="BU25" s="1"/>
      <c r="BV25" s="1"/>
      <c r="BW25" s="1"/>
      <c r="BX25" s="1"/>
      <c r="BY25" s="1"/>
      <c r="BZ25" s="1"/>
    </row>
    <row r="26" spans="1:78" x14ac:dyDescent="0.15">
      <c r="B26" s="2">
        <v>0.38958333333333334</v>
      </c>
      <c r="C26" s="1" t="s">
        <v>478</v>
      </c>
      <c r="D26" s="1" t="s">
        <v>43</v>
      </c>
      <c r="E26" s="1" t="s">
        <v>107</v>
      </c>
      <c r="G26" s="1" t="s">
        <v>168</v>
      </c>
      <c r="J26" s="1" t="s">
        <v>220</v>
      </c>
      <c r="N26" s="1" t="s">
        <v>33</v>
      </c>
      <c r="P26" s="1" t="s">
        <v>35</v>
      </c>
      <c r="Q26" s="1" t="s">
        <v>36</v>
      </c>
      <c r="S26" s="1" t="s">
        <v>286</v>
      </c>
      <c r="U26" s="1">
        <v>5.2</v>
      </c>
      <c r="V26" s="1"/>
      <c r="W26" s="1"/>
      <c r="X26" s="1">
        <v>0.44</v>
      </c>
      <c r="Y26" s="1">
        <v>4.4999999999999998E-2</v>
      </c>
      <c r="Z26" s="1">
        <v>1E-3</v>
      </c>
      <c r="AA26" s="1" t="s">
        <v>554</v>
      </c>
      <c r="AB26" s="1" t="s">
        <v>563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1</v>
      </c>
      <c r="BD26" s="1">
        <v>0.16</v>
      </c>
      <c r="BE26" s="1"/>
      <c r="BF26" s="1"/>
      <c r="BG26" s="1"/>
      <c r="BH26" s="1"/>
      <c r="BI26" s="1"/>
      <c r="BJ26" s="1"/>
      <c r="BK26" s="1"/>
      <c r="BL26" s="1"/>
      <c r="BM26" s="1">
        <v>0.09</v>
      </c>
      <c r="BN26" s="1">
        <v>3.2000000000000001E-2</v>
      </c>
      <c r="BO26" s="1"/>
      <c r="BP26" s="1"/>
      <c r="BQ26" s="1">
        <v>33.57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8958333333333334</v>
      </c>
      <c r="C27" s="1" t="s">
        <v>553</v>
      </c>
      <c r="D27" s="1" t="s">
        <v>43</v>
      </c>
      <c r="E27" s="1" t="s">
        <v>107</v>
      </c>
      <c r="J27" s="1" t="s">
        <v>66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40208333333333335</v>
      </c>
      <c r="C28" s="1" t="s">
        <v>476</v>
      </c>
      <c r="D28" s="1" t="s">
        <v>43</v>
      </c>
      <c r="E28" s="1" t="s">
        <v>70</v>
      </c>
      <c r="F28" s="1" t="s">
        <v>264</v>
      </c>
      <c r="G28" s="1" t="s">
        <v>127</v>
      </c>
      <c r="J28" s="1" t="s">
        <v>30</v>
      </c>
      <c r="K28" s="1" t="s">
        <v>189</v>
      </c>
      <c r="M28" s="1" t="s">
        <v>182</v>
      </c>
      <c r="N28" s="1" t="s">
        <v>33</v>
      </c>
      <c r="O28" s="1" t="s">
        <v>92</v>
      </c>
      <c r="P28" s="1" t="s">
        <v>35</v>
      </c>
      <c r="Q28" s="1" t="s">
        <v>36</v>
      </c>
      <c r="S28" s="1" t="s">
        <v>32</v>
      </c>
      <c r="U28" s="1">
        <v>9.1</v>
      </c>
      <c r="V28" s="3">
        <v>17</v>
      </c>
      <c r="W28" s="1" t="s">
        <v>508</v>
      </c>
      <c r="X28" s="1">
        <v>1</v>
      </c>
      <c r="Y28" s="1">
        <v>6.0999999999999999E-2</v>
      </c>
      <c r="Z28" s="1">
        <v>8.9999999999999993E-3</v>
      </c>
      <c r="AA28" t="s">
        <v>554</v>
      </c>
      <c r="AB28" t="s">
        <v>526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6</v>
      </c>
      <c r="BC28" s="1">
        <v>0.47</v>
      </c>
      <c r="BD28" s="1">
        <v>0.53</v>
      </c>
      <c r="BF28" s="1"/>
      <c r="BG28" s="1"/>
      <c r="BH28" s="1"/>
      <c r="BI28" s="1"/>
      <c r="BJ28" s="1"/>
      <c r="BK28" s="1"/>
      <c r="BL28" s="1"/>
      <c r="BM28" s="1">
        <v>0.1</v>
      </c>
      <c r="BN28" s="1">
        <v>4.1000000000000002E-2</v>
      </c>
      <c r="BO28" s="1"/>
      <c r="BP28" s="1"/>
      <c r="BQ28" s="1">
        <v>32.01</v>
      </c>
      <c r="BR28" s="1"/>
      <c r="BS28" s="1"/>
      <c r="BT28" s="1">
        <v>3.8</v>
      </c>
      <c r="BU28" s="1"/>
      <c r="BV28" s="1"/>
      <c r="BW28" s="1"/>
      <c r="BX28" s="1"/>
      <c r="BY28" s="1"/>
      <c r="BZ28" s="1"/>
    </row>
    <row r="29" spans="1:78" x14ac:dyDescent="0.15">
      <c r="B29" s="2">
        <v>0.40208333333333335</v>
      </c>
      <c r="C29" s="1" t="s">
        <v>478</v>
      </c>
      <c r="D29" s="1" t="s">
        <v>43</v>
      </c>
      <c r="E29" s="1" t="s">
        <v>70</v>
      </c>
      <c r="G29" s="1" t="s">
        <v>203</v>
      </c>
      <c r="J29" s="1" t="s">
        <v>227</v>
      </c>
      <c r="N29" s="1" t="s">
        <v>33</v>
      </c>
      <c r="P29" s="1" t="s">
        <v>35</v>
      </c>
      <c r="Q29" s="1" t="s">
        <v>36</v>
      </c>
      <c r="S29" s="1" t="s">
        <v>111</v>
      </c>
      <c r="U29" s="1">
        <v>8.1</v>
      </c>
      <c r="V29" s="1"/>
      <c r="W29" s="1"/>
      <c r="X29" s="1">
        <v>0.53</v>
      </c>
      <c r="Y29" s="1">
        <v>4.8000000000000001E-2</v>
      </c>
      <c r="Z29" s="1">
        <v>4.0000000000000001E-3</v>
      </c>
      <c r="AA29" t="s">
        <v>554</v>
      </c>
      <c r="AB29" t="s">
        <v>526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4</v>
      </c>
      <c r="BC29" s="1">
        <v>0.22</v>
      </c>
      <c r="BD29" s="1">
        <v>0.27</v>
      </c>
      <c r="BF29" s="1"/>
      <c r="BG29" s="1"/>
      <c r="BH29" s="1"/>
      <c r="BI29" s="1"/>
      <c r="BJ29" s="1"/>
      <c r="BK29" s="1"/>
      <c r="BL29" s="1"/>
      <c r="BM29" s="1">
        <v>0.04</v>
      </c>
      <c r="BN29" s="1">
        <v>2.7E-2</v>
      </c>
      <c r="BO29" s="1"/>
      <c r="BP29" s="1"/>
      <c r="BQ29" s="1">
        <v>33.20000000000000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0208333333333335</v>
      </c>
      <c r="C30" s="1" t="s">
        <v>553</v>
      </c>
      <c r="D30" s="1" t="s">
        <v>43</v>
      </c>
      <c r="E30" s="1" t="s">
        <v>70</v>
      </c>
      <c r="J30" s="1" t="s">
        <v>79</v>
      </c>
      <c r="N30" s="1" t="s">
        <v>33</v>
      </c>
      <c r="U30" s="1"/>
      <c r="V30" s="1"/>
      <c r="W30" s="1"/>
      <c r="X30" s="1"/>
      <c r="Y30" s="1"/>
      <c r="Z30" s="1"/>
      <c r="AA30" t="s">
        <v>554</v>
      </c>
      <c r="AB30" t="s">
        <v>554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7708333333333338</v>
      </c>
      <c r="C31" s="1" t="s">
        <v>476</v>
      </c>
      <c r="D31" s="1" t="s">
        <v>51</v>
      </c>
      <c r="E31" s="1" t="s">
        <v>477</v>
      </c>
      <c r="F31" s="1" t="s">
        <v>121</v>
      </c>
      <c r="G31" s="1" t="s">
        <v>265</v>
      </c>
      <c r="J31" s="1" t="s">
        <v>30</v>
      </c>
      <c r="K31" s="1" t="s">
        <v>189</v>
      </c>
      <c r="M31" s="1" t="s">
        <v>47</v>
      </c>
      <c r="N31" s="1" t="s">
        <v>33</v>
      </c>
      <c r="O31" s="1" t="s">
        <v>92</v>
      </c>
      <c r="P31" s="1" t="s">
        <v>35</v>
      </c>
      <c r="Q31" s="1" t="s">
        <v>84</v>
      </c>
      <c r="S31" s="1" t="s">
        <v>91</v>
      </c>
      <c r="U31" s="1">
        <v>9.6999999999999993</v>
      </c>
      <c r="V31" s="3">
        <v>22</v>
      </c>
      <c r="W31" s="1" t="s">
        <v>508</v>
      </c>
      <c r="X31" s="1">
        <v>0.96</v>
      </c>
      <c r="Y31" s="1">
        <v>3.5000000000000003E-2</v>
      </c>
      <c r="Z31" s="1">
        <v>4.0000000000000001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3</v>
      </c>
      <c r="BC31" s="1">
        <v>0.43</v>
      </c>
      <c r="BD31" s="1">
        <v>0.48</v>
      </c>
      <c r="BF31" s="1"/>
      <c r="BG31" s="1"/>
      <c r="BH31" s="1"/>
      <c r="BI31" s="1"/>
      <c r="BJ31" s="1"/>
      <c r="BK31" s="1"/>
      <c r="BL31" s="1"/>
      <c r="BM31" s="1">
        <v>0.06</v>
      </c>
      <c r="BN31" s="1">
        <v>1.6E-2</v>
      </c>
      <c r="BO31" s="1"/>
      <c r="BP31" s="1"/>
      <c r="BQ31" s="1">
        <v>31.88</v>
      </c>
      <c r="BR31" s="1" t="s">
        <v>531</v>
      </c>
      <c r="BS31" s="1" t="s">
        <v>511</v>
      </c>
      <c r="BT31" s="1">
        <v>5</v>
      </c>
      <c r="BU31" s="1"/>
      <c r="BV31" s="1"/>
      <c r="BW31" s="1"/>
      <c r="BX31" s="1"/>
      <c r="BY31" s="1"/>
      <c r="BZ31" s="1"/>
    </row>
    <row r="32" spans="1:78" x14ac:dyDescent="0.15">
      <c r="B32" s="2">
        <v>0.37708333333333338</v>
      </c>
      <c r="C32" s="1" t="s">
        <v>478</v>
      </c>
      <c r="D32" s="1" t="s">
        <v>51</v>
      </c>
      <c r="E32" s="1" t="s">
        <v>477</v>
      </c>
      <c r="G32" s="1" t="s">
        <v>253</v>
      </c>
      <c r="J32" s="1" t="s">
        <v>227</v>
      </c>
      <c r="N32" s="1" t="s">
        <v>33</v>
      </c>
      <c r="P32" s="1" t="s">
        <v>35</v>
      </c>
      <c r="Q32" s="1" t="s">
        <v>84</v>
      </c>
      <c r="S32" s="1" t="s">
        <v>149</v>
      </c>
      <c r="U32" s="1">
        <v>8.1999999999999993</v>
      </c>
      <c r="V32" s="1"/>
      <c r="W32" s="1"/>
      <c r="X32" s="1">
        <v>0.55000000000000004</v>
      </c>
      <c r="Y32" s="1">
        <v>2.9000000000000001E-2</v>
      </c>
      <c r="Z32" s="1">
        <v>3.000000000000000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24</v>
      </c>
      <c r="BD32" s="1">
        <v>0.28999999999999998</v>
      </c>
      <c r="BF32" s="1"/>
      <c r="BG32" s="1"/>
      <c r="BH32" s="1"/>
      <c r="BI32" s="1"/>
      <c r="BJ32" s="1"/>
      <c r="BK32" s="1"/>
      <c r="BL32" s="1"/>
      <c r="BM32" s="1">
        <v>0.04</v>
      </c>
      <c r="BN32" s="1">
        <v>1.2999999999999999E-2</v>
      </c>
      <c r="BO32" s="1"/>
      <c r="BP32" s="1"/>
      <c r="BQ32" s="1">
        <v>32.880000000000003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7708333333333338</v>
      </c>
      <c r="C33" s="1" t="s">
        <v>553</v>
      </c>
      <c r="D33" s="1" t="s">
        <v>51</v>
      </c>
      <c r="E33" s="1" t="s">
        <v>477</v>
      </c>
      <c r="J33" s="1" t="s">
        <v>79</v>
      </c>
      <c r="N33" s="1" t="s">
        <v>33</v>
      </c>
      <c r="U33" s="1"/>
      <c r="V33" s="1"/>
      <c r="W33" s="1"/>
      <c r="X33" s="1"/>
      <c r="Y33" s="1"/>
      <c r="Z33" s="1"/>
      <c r="AA33" t="s">
        <v>554</v>
      </c>
      <c r="AB33" t="s">
        <v>554</v>
      </c>
      <c r="AC33" s="1" t="s">
        <v>509</v>
      </c>
      <c r="AD33" s="1" t="s">
        <v>510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4</v>
      </c>
      <c r="AL33" s="1" t="s">
        <v>514</v>
      </c>
      <c r="AM33" s="1" t="s">
        <v>514</v>
      </c>
      <c r="AN33" s="1" t="s">
        <v>514</v>
      </c>
      <c r="AO33" s="1" t="s">
        <v>514</v>
      </c>
      <c r="AP33" t="s">
        <v>514</v>
      </c>
      <c r="AQ33" s="1" t="s">
        <v>514</v>
      </c>
      <c r="AR33" s="1" t="s">
        <v>514</v>
      </c>
      <c r="AS33" s="1" t="s">
        <v>514</v>
      </c>
      <c r="AT33" s="1" t="s">
        <v>517</v>
      </c>
      <c r="AU33" s="1"/>
      <c r="AV33" s="1"/>
      <c r="AW33" s="1"/>
      <c r="AX33" s="1" t="s">
        <v>514</v>
      </c>
      <c r="AY33" s="1" t="s">
        <v>523</v>
      </c>
      <c r="AZ33" s="1"/>
      <c r="BA33" s="1"/>
      <c r="BB33" s="1"/>
      <c r="BC33" s="1"/>
      <c r="BD33" s="1"/>
      <c r="BE33" t="s">
        <v>511</v>
      </c>
      <c r="BF33" s="1" t="s">
        <v>511</v>
      </c>
      <c r="BG33" s="1" t="s">
        <v>524</v>
      </c>
      <c r="BH33" s="1" t="s">
        <v>512</v>
      </c>
      <c r="BI33" s="1" t="s">
        <v>510</v>
      </c>
      <c r="BJ33" s="1"/>
      <c r="BK33" s="1" t="s">
        <v>513</v>
      </c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5972222222222222</v>
      </c>
      <c r="C34" s="1" t="s">
        <v>476</v>
      </c>
      <c r="D34" s="1" t="s">
        <v>43</v>
      </c>
      <c r="E34" s="1" t="s">
        <v>477</v>
      </c>
      <c r="F34" s="1" t="s">
        <v>181</v>
      </c>
      <c r="G34" s="1" t="s">
        <v>175</v>
      </c>
      <c r="J34" s="1" t="s">
        <v>30</v>
      </c>
      <c r="K34" s="1" t="s">
        <v>333</v>
      </c>
      <c r="M34" s="1" t="s">
        <v>246</v>
      </c>
      <c r="N34" s="1" t="s">
        <v>33</v>
      </c>
      <c r="O34" s="1" t="s">
        <v>341</v>
      </c>
      <c r="P34" s="1" t="s">
        <v>35</v>
      </c>
      <c r="Q34" s="1" t="s">
        <v>63</v>
      </c>
      <c r="S34" s="1" t="s">
        <v>137</v>
      </c>
      <c r="U34" s="1">
        <v>9.6</v>
      </c>
      <c r="V34" s="3">
        <v>490</v>
      </c>
      <c r="W34" s="1" t="s">
        <v>508</v>
      </c>
      <c r="X34" s="1">
        <v>1.1000000000000001</v>
      </c>
      <c r="Y34" s="1">
        <v>3.4000000000000002E-2</v>
      </c>
      <c r="Z34" s="1">
        <v>8.0000000000000002E-3</v>
      </c>
      <c r="AA34" t="s">
        <v>554</v>
      </c>
      <c r="AB34" t="s">
        <v>526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39</v>
      </c>
      <c r="BD34" s="1">
        <v>0.44</v>
      </c>
      <c r="BF34" s="1"/>
      <c r="BG34" s="1"/>
      <c r="BH34" s="1"/>
      <c r="BI34" s="1"/>
      <c r="BJ34" s="1"/>
      <c r="BK34" s="1"/>
      <c r="BL34" s="1"/>
      <c r="BM34" s="1">
        <v>0.09</v>
      </c>
      <c r="BN34" s="1">
        <v>1.9E-2</v>
      </c>
      <c r="BO34" s="1"/>
      <c r="BP34" s="1"/>
      <c r="BQ34" s="1">
        <v>31.59</v>
      </c>
      <c r="BR34" s="1"/>
      <c r="BS34" s="1"/>
      <c r="BT34" s="1">
        <v>4.4000000000000004</v>
      </c>
      <c r="BU34" s="1"/>
      <c r="BV34" s="1"/>
      <c r="BW34" s="1"/>
      <c r="BX34" s="1"/>
      <c r="BY34" s="1"/>
      <c r="BZ34" s="1"/>
    </row>
    <row r="35" spans="1:78" x14ac:dyDescent="0.15">
      <c r="B35" s="2">
        <v>0.35972222222222222</v>
      </c>
      <c r="C35" s="1" t="s">
        <v>478</v>
      </c>
      <c r="D35" s="1" t="s">
        <v>43</v>
      </c>
      <c r="E35" s="1" t="s">
        <v>477</v>
      </c>
      <c r="G35" s="1" t="s">
        <v>198</v>
      </c>
      <c r="J35" s="1" t="s">
        <v>195</v>
      </c>
      <c r="N35" s="1" t="s">
        <v>33</v>
      </c>
      <c r="P35" s="1" t="s">
        <v>35</v>
      </c>
      <c r="Q35" s="1" t="s">
        <v>36</v>
      </c>
      <c r="S35" s="1" t="s">
        <v>57</v>
      </c>
      <c r="U35" s="1">
        <v>7</v>
      </c>
      <c r="V35" s="1"/>
      <c r="W35" s="1"/>
      <c r="X35" s="1">
        <v>0.47</v>
      </c>
      <c r="Y35" s="1">
        <v>3.2000000000000001E-2</v>
      </c>
      <c r="Z35" s="1">
        <v>6.0000000000000001E-3</v>
      </c>
      <c r="AA35" t="s">
        <v>554</v>
      </c>
      <c r="AB35" t="s">
        <v>526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16</v>
      </c>
      <c r="BD35" s="1">
        <v>0.21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2.5999999999999999E-2</v>
      </c>
      <c r="BO35" s="1"/>
      <c r="BP35" s="1"/>
      <c r="BQ35" s="1">
        <v>33.93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5972222222222222</v>
      </c>
      <c r="C36" s="1" t="s">
        <v>553</v>
      </c>
      <c r="D36" s="1" t="s">
        <v>43</v>
      </c>
      <c r="E36" s="1" t="s">
        <v>477</v>
      </c>
      <c r="J36" s="1" t="s">
        <v>139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</sheetData>
  <phoneticPr fontId="18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66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91</v>
      </c>
      <c r="E1" s="1" t="s">
        <v>2</v>
      </c>
      <c r="F1" s="1" t="s">
        <v>488</v>
      </c>
      <c r="G1" s="1" t="s">
        <v>3</v>
      </c>
      <c r="H1" s="1" t="s">
        <v>46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180555555555554</v>
      </c>
      <c r="C4" s="1" t="s">
        <v>476</v>
      </c>
      <c r="D4" s="1" t="s">
        <v>43</v>
      </c>
      <c r="E4" s="1" t="s">
        <v>477</v>
      </c>
      <c r="F4" s="1" t="s">
        <v>216</v>
      </c>
      <c r="G4" s="1" t="s">
        <v>235</v>
      </c>
      <c r="J4" s="1" t="s">
        <v>30</v>
      </c>
      <c r="K4" s="1" t="s">
        <v>338</v>
      </c>
      <c r="M4" s="1" t="s">
        <v>111</v>
      </c>
      <c r="N4" s="1" t="s">
        <v>33</v>
      </c>
      <c r="O4" s="1" t="s">
        <v>34</v>
      </c>
      <c r="P4" s="1" t="s">
        <v>35</v>
      </c>
      <c r="Q4" s="1" t="s">
        <v>36</v>
      </c>
      <c r="S4" s="1" t="s">
        <v>180</v>
      </c>
      <c r="U4" s="1">
        <v>8.4</v>
      </c>
      <c r="V4" s="1" t="s">
        <v>515</v>
      </c>
      <c r="W4" s="1" t="s">
        <v>508</v>
      </c>
      <c r="X4" s="1">
        <v>0.83</v>
      </c>
      <c r="Y4" s="1">
        <v>4.5999999999999999E-2</v>
      </c>
      <c r="Z4" s="1">
        <v>2E-3</v>
      </c>
      <c r="AA4" s="1" t="s">
        <v>554</v>
      </c>
      <c r="AB4" s="1" t="s">
        <v>526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0.27</v>
      </c>
      <c r="BD4" s="1">
        <v>0.32</v>
      </c>
      <c r="BE4" s="1"/>
      <c r="BF4" s="1"/>
      <c r="BG4" s="1"/>
      <c r="BH4" s="1"/>
      <c r="BI4" s="1"/>
      <c r="BJ4" s="1"/>
      <c r="BK4" s="1"/>
      <c r="BL4" s="1"/>
      <c r="BM4" s="1">
        <v>0.09</v>
      </c>
      <c r="BN4" s="1">
        <v>1.2E-2</v>
      </c>
      <c r="BO4" s="1"/>
      <c r="BP4" s="1"/>
      <c r="BQ4" s="1">
        <v>31.83</v>
      </c>
      <c r="BR4" s="1"/>
      <c r="BS4" s="1"/>
      <c r="BT4" s="1">
        <v>15</v>
      </c>
      <c r="BU4" s="1"/>
      <c r="BV4" s="1"/>
      <c r="BW4" s="1"/>
      <c r="BX4" s="1"/>
      <c r="BY4" s="1"/>
      <c r="BZ4" s="1"/>
    </row>
    <row r="5" spans="1:78" x14ac:dyDescent="0.15">
      <c r="B5" s="2">
        <v>0.41180555555555554</v>
      </c>
      <c r="C5" s="1" t="s">
        <v>478</v>
      </c>
      <c r="D5" s="1" t="s">
        <v>43</v>
      </c>
      <c r="E5" s="1" t="s">
        <v>477</v>
      </c>
      <c r="G5" s="1" t="s">
        <v>38</v>
      </c>
      <c r="J5" s="1" t="s">
        <v>272</v>
      </c>
      <c r="N5" s="1" t="s">
        <v>33</v>
      </c>
      <c r="P5" s="1" t="s">
        <v>35</v>
      </c>
      <c r="Q5" s="1" t="s">
        <v>40</v>
      </c>
      <c r="S5" s="1" t="s">
        <v>32</v>
      </c>
      <c r="U5" s="1">
        <v>6.3</v>
      </c>
      <c r="V5" s="1"/>
      <c r="W5" s="1"/>
      <c r="X5" s="1">
        <v>0.62</v>
      </c>
      <c r="Y5" s="1">
        <v>4.7E-2</v>
      </c>
      <c r="Z5" s="1">
        <v>4.0000000000000001E-3</v>
      </c>
      <c r="AA5" s="1" t="s">
        <v>554</v>
      </c>
      <c r="AB5" s="1" t="s">
        <v>52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19</v>
      </c>
      <c r="BD5" s="1">
        <v>0.24</v>
      </c>
      <c r="BE5" s="1"/>
      <c r="BF5" s="1"/>
      <c r="BG5" s="1"/>
      <c r="BH5" s="1"/>
      <c r="BI5" s="1"/>
      <c r="BJ5" s="1"/>
      <c r="BK5" s="1"/>
      <c r="BL5" s="1"/>
      <c r="BM5" s="1">
        <v>0.11</v>
      </c>
      <c r="BN5" s="1">
        <v>2.5000000000000001E-2</v>
      </c>
      <c r="BO5" s="1"/>
      <c r="BP5" s="1"/>
      <c r="BQ5" s="1">
        <v>32.729999999999997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37638888888888888</v>
      </c>
      <c r="C6" s="1" t="s">
        <v>476</v>
      </c>
      <c r="D6" s="1" t="s">
        <v>43</v>
      </c>
      <c r="E6" s="1" t="s">
        <v>44</v>
      </c>
      <c r="F6" s="1" t="s">
        <v>139</v>
      </c>
      <c r="G6" s="1" t="s">
        <v>29</v>
      </c>
      <c r="J6" s="1" t="s">
        <v>30</v>
      </c>
      <c r="K6" s="1" t="s">
        <v>60</v>
      </c>
      <c r="M6" s="1" t="s">
        <v>41</v>
      </c>
      <c r="N6" s="1" t="s">
        <v>33</v>
      </c>
      <c r="O6" s="1" t="s">
        <v>34</v>
      </c>
      <c r="P6" s="1" t="s">
        <v>35</v>
      </c>
      <c r="Q6" s="1" t="s">
        <v>84</v>
      </c>
      <c r="S6" s="1" t="s">
        <v>207</v>
      </c>
      <c r="U6" s="1">
        <v>8</v>
      </c>
      <c r="V6" s="3">
        <v>11000</v>
      </c>
      <c r="W6" s="1" t="s">
        <v>508</v>
      </c>
      <c r="X6" s="1">
        <v>1.6</v>
      </c>
      <c r="Y6" s="1">
        <v>9.6000000000000002E-2</v>
      </c>
      <c r="Z6" s="1">
        <v>3.0000000000000001E-3</v>
      </c>
      <c r="AA6" s="1" t="s">
        <v>554</v>
      </c>
      <c r="AB6" s="1" t="s">
        <v>567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5</v>
      </c>
      <c r="BC6" s="1">
        <v>0.64</v>
      </c>
      <c r="BD6" s="1">
        <v>0.69</v>
      </c>
      <c r="BE6" s="1"/>
      <c r="BF6" s="1"/>
      <c r="BG6" s="1"/>
      <c r="BH6" s="1"/>
      <c r="BI6" s="1"/>
      <c r="BJ6" s="1"/>
      <c r="BK6" s="1"/>
      <c r="BL6" s="1"/>
      <c r="BM6" s="1">
        <v>0.28999999999999998</v>
      </c>
      <c r="BN6" s="1">
        <v>5.8000000000000003E-2</v>
      </c>
      <c r="BO6" s="1"/>
      <c r="BP6" s="1"/>
      <c r="BQ6" s="1">
        <v>25.08</v>
      </c>
      <c r="BR6" s="1"/>
      <c r="BS6" s="1"/>
      <c r="BT6" s="1">
        <v>12</v>
      </c>
      <c r="BU6" s="1"/>
      <c r="BV6" s="1"/>
      <c r="BW6" s="1"/>
      <c r="BX6" s="1"/>
      <c r="BY6" s="1"/>
      <c r="BZ6" s="1"/>
    </row>
    <row r="7" spans="1:78" x14ac:dyDescent="0.15">
      <c r="B7" s="2">
        <v>0.37638888888888888</v>
      </c>
      <c r="C7" s="1" t="s">
        <v>478</v>
      </c>
      <c r="D7" s="1" t="s">
        <v>43</v>
      </c>
      <c r="E7" s="1" t="s">
        <v>44</v>
      </c>
      <c r="G7" s="1" t="s">
        <v>31</v>
      </c>
      <c r="J7" s="1" t="s">
        <v>307</v>
      </c>
      <c r="N7" s="1" t="s">
        <v>33</v>
      </c>
      <c r="P7" s="1" t="s">
        <v>35</v>
      </c>
      <c r="Q7" s="1" t="s">
        <v>40</v>
      </c>
      <c r="S7" s="1" t="s">
        <v>111</v>
      </c>
      <c r="U7" s="1">
        <v>6.4</v>
      </c>
      <c r="V7" s="1"/>
      <c r="W7" s="1"/>
      <c r="X7" s="1">
        <v>0.39</v>
      </c>
      <c r="Y7" s="1">
        <v>4.1000000000000002E-2</v>
      </c>
      <c r="Z7" s="1">
        <v>3.0000000000000001E-3</v>
      </c>
      <c r="AA7" s="1" t="s">
        <v>554</v>
      </c>
      <c r="AB7" s="1" t="s">
        <v>52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0</v>
      </c>
      <c r="BC7" s="1">
        <v>0.14000000000000001</v>
      </c>
      <c r="BD7" s="1">
        <v>0.19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2.5000000000000001E-2</v>
      </c>
      <c r="BO7" s="1"/>
      <c r="BP7" s="1"/>
      <c r="BQ7" s="1">
        <v>34.35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7083333333333335</v>
      </c>
      <c r="C8" s="1" t="s">
        <v>476</v>
      </c>
      <c r="D8" s="1" t="s">
        <v>51</v>
      </c>
      <c r="E8" s="1" t="s">
        <v>477</v>
      </c>
      <c r="F8" s="1" t="s">
        <v>306</v>
      </c>
      <c r="G8" s="1" t="s">
        <v>145</v>
      </c>
      <c r="J8" s="1" t="s">
        <v>30</v>
      </c>
      <c r="K8" s="1" t="s">
        <v>338</v>
      </c>
      <c r="M8" s="1" t="s">
        <v>111</v>
      </c>
      <c r="N8" s="1" t="s">
        <v>33</v>
      </c>
      <c r="O8" s="1" t="s">
        <v>34</v>
      </c>
      <c r="P8" s="1" t="s">
        <v>35</v>
      </c>
      <c r="Q8" s="1" t="s">
        <v>174</v>
      </c>
      <c r="S8" s="1" t="s">
        <v>187</v>
      </c>
      <c r="U8" s="1">
        <v>10.4</v>
      </c>
      <c r="V8" s="3">
        <v>33</v>
      </c>
      <c r="W8" s="1" t="s">
        <v>508</v>
      </c>
      <c r="X8" s="1">
        <v>1.1000000000000001</v>
      </c>
      <c r="Y8" s="1">
        <v>9.4E-2</v>
      </c>
      <c r="Z8" s="1">
        <v>4.0000000000000001E-3</v>
      </c>
      <c r="AA8" s="1" t="s">
        <v>554</v>
      </c>
      <c r="AB8" s="1" t="s">
        <v>52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16</v>
      </c>
      <c r="BD8" s="1">
        <v>0.21</v>
      </c>
      <c r="BE8" s="1"/>
      <c r="BF8" s="1"/>
      <c r="BG8" s="1"/>
      <c r="BH8" s="1"/>
      <c r="BI8" s="1"/>
      <c r="BJ8" s="1"/>
      <c r="BK8" s="1"/>
      <c r="BL8" s="1"/>
      <c r="BM8" s="1">
        <v>0.08</v>
      </c>
      <c r="BN8" s="1">
        <v>0.01</v>
      </c>
      <c r="BO8" s="1"/>
      <c r="BP8" s="1"/>
      <c r="BQ8" s="1">
        <v>29.21</v>
      </c>
      <c r="BR8" s="1"/>
      <c r="BS8" s="1"/>
      <c r="BT8" s="1">
        <v>22</v>
      </c>
      <c r="BU8" s="1"/>
      <c r="BV8" s="1"/>
      <c r="BW8" s="1"/>
      <c r="BX8" s="1"/>
      <c r="BY8" s="1"/>
      <c r="BZ8" s="1"/>
    </row>
    <row r="9" spans="1:78" x14ac:dyDescent="0.15">
      <c r="B9" s="2">
        <v>0.37083333333333335</v>
      </c>
      <c r="C9" s="1" t="s">
        <v>478</v>
      </c>
      <c r="D9" s="1" t="s">
        <v>51</v>
      </c>
      <c r="E9" s="1" t="s">
        <v>477</v>
      </c>
      <c r="G9" s="1" t="s">
        <v>136</v>
      </c>
      <c r="J9" s="1" t="s">
        <v>272</v>
      </c>
      <c r="N9" s="1" t="s">
        <v>33</v>
      </c>
      <c r="P9" s="1" t="s">
        <v>35</v>
      </c>
      <c r="Q9" s="1" t="s">
        <v>40</v>
      </c>
      <c r="S9" s="1" t="s">
        <v>170</v>
      </c>
      <c r="U9" s="1">
        <v>4.4000000000000004</v>
      </c>
      <c r="V9" s="1"/>
      <c r="W9" s="1"/>
      <c r="X9" s="1">
        <v>0.48</v>
      </c>
      <c r="Y9" s="1">
        <v>4.5999999999999999E-2</v>
      </c>
      <c r="Z9" s="1">
        <v>3.0000000000000001E-3</v>
      </c>
      <c r="AA9" s="1" t="s">
        <v>554</v>
      </c>
      <c r="AB9" s="1" t="s">
        <v>52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2</v>
      </c>
      <c r="BC9" s="1">
        <v>0.1</v>
      </c>
      <c r="BD9" s="1">
        <v>0.15</v>
      </c>
      <c r="BE9" s="1"/>
      <c r="BF9" s="1"/>
      <c r="BG9" s="1"/>
      <c r="BH9" s="1"/>
      <c r="BI9" s="1"/>
      <c r="BJ9" s="1"/>
      <c r="BK9" s="1"/>
      <c r="BL9" s="1"/>
      <c r="BM9" s="1">
        <v>7.0000000000000007E-2</v>
      </c>
      <c r="BN9" s="1">
        <v>0.03</v>
      </c>
      <c r="BO9" s="1"/>
      <c r="BP9" s="1"/>
      <c r="BQ9" s="1">
        <v>34.26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152777777777778</v>
      </c>
      <c r="C10" s="1" t="s">
        <v>476</v>
      </c>
      <c r="D10" s="1" t="s">
        <v>27</v>
      </c>
      <c r="E10" s="1" t="s">
        <v>477</v>
      </c>
      <c r="F10" s="1" t="s">
        <v>189</v>
      </c>
      <c r="G10" s="1" t="s">
        <v>159</v>
      </c>
      <c r="J10" s="1" t="s">
        <v>30</v>
      </c>
      <c r="K10" s="1" t="s">
        <v>342</v>
      </c>
      <c r="M10" s="1" t="s">
        <v>301</v>
      </c>
      <c r="N10" s="1" t="s">
        <v>33</v>
      </c>
      <c r="O10" s="1" t="s">
        <v>34</v>
      </c>
      <c r="P10" s="1" t="s">
        <v>35</v>
      </c>
      <c r="Q10" s="1" t="s">
        <v>146</v>
      </c>
      <c r="S10" s="1" t="s">
        <v>264</v>
      </c>
      <c r="U10" s="1">
        <v>10.3</v>
      </c>
      <c r="V10" s="3">
        <v>13</v>
      </c>
      <c r="W10" s="1" t="s">
        <v>508</v>
      </c>
      <c r="X10" s="1">
        <v>0.91</v>
      </c>
      <c r="Y10" s="1">
        <v>5.5E-2</v>
      </c>
      <c r="Z10" s="1">
        <v>2E-3</v>
      </c>
      <c r="AA10" s="1" t="s">
        <v>554</v>
      </c>
      <c r="AB10" s="1" t="s">
        <v>52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0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1E-3</v>
      </c>
      <c r="BO10" s="1"/>
      <c r="BP10" s="1"/>
      <c r="BQ10" s="1">
        <v>30.24</v>
      </c>
      <c r="BR10" s="1"/>
      <c r="BS10" s="1"/>
      <c r="BT10" s="1">
        <v>33</v>
      </c>
      <c r="BU10" s="1"/>
      <c r="BV10" s="1"/>
      <c r="BW10" s="1"/>
      <c r="BX10" s="1"/>
      <c r="BY10" s="1"/>
      <c r="BZ10" s="1"/>
    </row>
    <row r="11" spans="1:78" x14ac:dyDescent="0.15">
      <c r="B11" s="2">
        <v>0.4152777777777778</v>
      </c>
      <c r="C11" s="1" t="s">
        <v>478</v>
      </c>
      <c r="D11" s="1" t="s">
        <v>27</v>
      </c>
      <c r="E11" s="1" t="s">
        <v>477</v>
      </c>
      <c r="G11" s="1" t="s">
        <v>260</v>
      </c>
      <c r="J11" s="1" t="s">
        <v>303</v>
      </c>
      <c r="N11" s="1" t="s">
        <v>33</v>
      </c>
      <c r="P11" s="1" t="s">
        <v>35</v>
      </c>
      <c r="Q11" s="1" t="s">
        <v>93</v>
      </c>
      <c r="S11" s="1" t="s">
        <v>104</v>
      </c>
      <c r="U11" s="1">
        <v>3</v>
      </c>
      <c r="V11" s="1"/>
      <c r="W11" s="1"/>
      <c r="X11" s="1">
        <v>0.61</v>
      </c>
      <c r="Y11" s="1">
        <v>7.4999999999999997E-2</v>
      </c>
      <c r="Z11" s="1">
        <v>2E-3</v>
      </c>
      <c r="AA11" s="1" t="s">
        <v>554</v>
      </c>
      <c r="AB11" s="1" t="s">
        <v>52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18</v>
      </c>
      <c r="BD11" s="1">
        <v>0.23</v>
      </c>
      <c r="BE11" s="1"/>
      <c r="BF11" s="1"/>
      <c r="BG11" s="1"/>
      <c r="BH11" s="1"/>
      <c r="BI11" s="1"/>
      <c r="BJ11" s="1"/>
      <c r="BK11" s="1"/>
      <c r="BL11" s="1"/>
      <c r="BM11" s="1">
        <v>0.09</v>
      </c>
      <c r="BN11" s="1">
        <v>6.6000000000000003E-2</v>
      </c>
      <c r="BO11" s="1"/>
      <c r="BP11" s="1"/>
      <c r="BQ11" s="1">
        <v>33.71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152777777777778</v>
      </c>
      <c r="C12" s="1" t="s">
        <v>553</v>
      </c>
      <c r="D12" s="1" t="s">
        <v>27</v>
      </c>
      <c r="E12" s="1" t="s">
        <v>477</v>
      </c>
      <c r="J12" s="1" t="s">
        <v>194</v>
      </c>
      <c r="N12" s="1" t="s">
        <v>33</v>
      </c>
      <c r="U12" s="1"/>
      <c r="V12" s="1"/>
      <c r="W12" s="1"/>
      <c r="X12" s="1"/>
      <c r="Y12" s="1"/>
      <c r="Z12" s="1"/>
      <c r="AA12" s="1" t="s">
        <v>554</v>
      </c>
      <c r="AB12" s="1" t="s">
        <v>554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888888888888889</v>
      </c>
      <c r="C13" s="1" t="s">
        <v>476</v>
      </c>
      <c r="D13" s="1" t="s">
        <v>69</v>
      </c>
      <c r="E13" s="1" t="s">
        <v>70</v>
      </c>
      <c r="F13" s="1" t="s">
        <v>343</v>
      </c>
      <c r="G13" s="1" t="s">
        <v>344</v>
      </c>
      <c r="J13" s="1" t="s">
        <v>30</v>
      </c>
      <c r="K13" s="1" t="s">
        <v>342</v>
      </c>
      <c r="M13" s="1" t="s">
        <v>301</v>
      </c>
      <c r="N13" s="1" t="s">
        <v>33</v>
      </c>
      <c r="O13" s="1" t="s">
        <v>92</v>
      </c>
      <c r="P13" s="1" t="s">
        <v>35</v>
      </c>
      <c r="Q13" s="1" t="s">
        <v>174</v>
      </c>
      <c r="S13" s="1" t="s">
        <v>237</v>
      </c>
      <c r="U13" s="1">
        <v>9.5</v>
      </c>
      <c r="V13" s="3">
        <v>49</v>
      </c>
      <c r="W13" s="1" t="s">
        <v>508</v>
      </c>
      <c r="X13" s="1">
        <v>0.72</v>
      </c>
      <c r="Y13" s="1">
        <v>6.0999999999999999E-2</v>
      </c>
      <c r="Z13" s="1">
        <v>2E-3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0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1E-3</v>
      </c>
      <c r="BO13" s="1"/>
      <c r="BP13" s="1"/>
      <c r="BQ13" s="1">
        <v>29.56</v>
      </c>
      <c r="BR13" s="1" t="s">
        <v>531</v>
      </c>
      <c r="BS13" s="1" t="s">
        <v>511</v>
      </c>
      <c r="BT13" s="1">
        <v>29</v>
      </c>
      <c r="BU13" s="1"/>
      <c r="BV13" s="1"/>
      <c r="BW13" s="1"/>
      <c r="BX13" s="1"/>
      <c r="BY13" s="1"/>
      <c r="BZ13" s="1"/>
    </row>
    <row r="14" spans="1:78" x14ac:dyDescent="0.15">
      <c r="B14" s="2">
        <v>0.3888888888888889</v>
      </c>
      <c r="C14" s="1" t="s">
        <v>478</v>
      </c>
      <c r="D14" s="1" t="s">
        <v>69</v>
      </c>
      <c r="E14" s="1" t="s">
        <v>70</v>
      </c>
      <c r="G14" s="1" t="s">
        <v>218</v>
      </c>
      <c r="J14" s="1" t="s">
        <v>303</v>
      </c>
      <c r="N14" s="1" t="s">
        <v>33</v>
      </c>
      <c r="P14" s="1" t="s">
        <v>35</v>
      </c>
      <c r="Q14" s="1" t="s">
        <v>93</v>
      </c>
      <c r="S14" s="1" t="s">
        <v>91</v>
      </c>
      <c r="U14" s="1">
        <v>2.8</v>
      </c>
      <c r="V14" s="1"/>
      <c r="W14" s="1"/>
      <c r="X14" s="1">
        <v>0.51</v>
      </c>
      <c r="Y14" s="1">
        <v>8.1000000000000003E-2</v>
      </c>
      <c r="Z14" s="1">
        <v>3.0000000000000001E-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19</v>
      </c>
      <c r="BD14" s="1">
        <v>0.24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6.0999999999999999E-2</v>
      </c>
      <c r="BO14" s="1"/>
      <c r="BP14" s="1"/>
      <c r="BQ14" s="1">
        <v>34.04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888888888888889</v>
      </c>
      <c r="C15" s="1" t="s">
        <v>553</v>
      </c>
      <c r="D15" s="1" t="s">
        <v>69</v>
      </c>
      <c r="E15" s="1" t="s">
        <v>70</v>
      </c>
      <c r="J15" s="1" t="s">
        <v>194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0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4</v>
      </c>
      <c r="AL15" s="1" t="s">
        <v>514</v>
      </c>
      <c r="AM15" s="1" t="s">
        <v>514</v>
      </c>
      <c r="AN15" s="1" t="s">
        <v>514</v>
      </c>
      <c r="AO15" s="1" t="s">
        <v>514</v>
      </c>
      <c r="AP15" t="s">
        <v>514</v>
      </c>
      <c r="AQ15" s="1" t="s">
        <v>514</v>
      </c>
      <c r="AR15" s="1" t="s">
        <v>514</v>
      </c>
      <c r="AS15" s="1" t="s">
        <v>514</v>
      </c>
      <c r="AT15" s="1" t="s">
        <v>517</v>
      </c>
      <c r="AU15" s="1"/>
      <c r="AV15" s="1"/>
      <c r="AW15" s="1"/>
      <c r="AX15" s="1" t="s">
        <v>514</v>
      </c>
      <c r="AY15" s="1" t="s">
        <v>523</v>
      </c>
      <c r="AZ15" s="1"/>
      <c r="BA15" s="1"/>
      <c r="BB15" s="1"/>
      <c r="BC15" s="1"/>
      <c r="BD15" s="1"/>
      <c r="BE15" s="1" t="s">
        <v>511</v>
      </c>
      <c r="BF15" s="1" t="s">
        <v>511</v>
      </c>
      <c r="BG15" s="1" t="s">
        <v>524</v>
      </c>
      <c r="BH15" s="1" t="s">
        <v>512</v>
      </c>
      <c r="BI15" s="1" t="s">
        <v>510</v>
      </c>
      <c r="BJ15" s="1"/>
      <c r="BK15" s="1" t="s">
        <v>513</v>
      </c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6249999999999999</v>
      </c>
      <c r="C16" s="1" t="s">
        <v>476</v>
      </c>
      <c r="D16" s="1" t="s">
        <v>43</v>
      </c>
      <c r="E16" s="1" t="s">
        <v>477</v>
      </c>
      <c r="F16" s="1" t="s">
        <v>158</v>
      </c>
      <c r="G16" s="1" t="s">
        <v>154</v>
      </c>
      <c r="J16" s="1" t="s">
        <v>30</v>
      </c>
      <c r="K16" s="1" t="s">
        <v>151</v>
      </c>
      <c r="M16" s="1" t="s">
        <v>49</v>
      </c>
      <c r="N16" s="1" t="s">
        <v>33</v>
      </c>
      <c r="O16" s="1" t="s">
        <v>92</v>
      </c>
      <c r="P16" s="1" t="s">
        <v>35</v>
      </c>
      <c r="Q16" s="1" t="s">
        <v>84</v>
      </c>
      <c r="S16" s="1" t="s">
        <v>91</v>
      </c>
      <c r="U16" s="1">
        <v>5.4</v>
      </c>
      <c r="V16" s="3">
        <v>49</v>
      </c>
      <c r="W16" s="1" t="s">
        <v>508</v>
      </c>
      <c r="X16" s="1">
        <v>0.74</v>
      </c>
      <c r="Y16" s="1">
        <v>6.9000000000000006E-2</v>
      </c>
      <c r="Z16" s="1">
        <v>3.0000000000000001E-3</v>
      </c>
      <c r="AA16" s="1" t="s">
        <v>554</v>
      </c>
      <c r="AB16" s="1" t="s">
        <v>526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0.11</v>
      </c>
      <c r="BD16" s="1">
        <v>0.16</v>
      </c>
      <c r="BE16" s="1"/>
      <c r="BF16" s="1"/>
      <c r="BG16" s="1"/>
      <c r="BH16" s="1"/>
      <c r="BI16" s="1"/>
      <c r="BJ16" s="1"/>
      <c r="BK16" s="1"/>
      <c r="BL16" s="1"/>
      <c r="BM16" s="1">
        <v>0.08</v>
      </c>
      <c r="BN16" s="1">
        <v>3.5999999999999997E-2</v>
      </c>
      <c r="BO16" s="1"/>
      <c r="BP16" s="1"/>
      <c r="BQ16" s="1">
        <v>30.69</v>
      </c>
      <c r="BR16" s="1"/>
      <c r="BS16" s="1"/>
      <c r="BT16" s="1">
        <v>8</v>
      </c>
      <c r="BU16" s="1"/>
      <c r="BV16" s="1"/>
      <c r="BW16" s="1"/>
      <c r="BX16" s="1"/>
      <c r="BY16" s="1"/>
      <c r="BZ16" s="1"/>
    </row>
    <row r="17" spans="1:78" x14ac:dyDescent="0.15">
      <c r="B17" s="2">
        <v>0.36249999999999999</v>
      </c>
      <c r="C17" s="1" t="s">
        <v>478</v>
      </c>
      <c r="D17" s="1" t="s">
        <v>43</v>
      </c>
      <c r="E17" s="1" t="s">
        <v>477</v>
      </c>
      <c r="G17" s="1" t="s">
        <v>308</v>
      </c>
      <c r="J17" s="1" t="s">
        <v>313</v>
      </c>
      <c r="N17" s="1" t="s">
        <v>33</v>
      </c>
      <c r="P17" s="1" t="s">
        <v>35</v>
      </c>
      <c r="Q17" s="1" t="s">
        <v>40</v>
      </c>
      <c r="S17" s="1" t="s">
        <v>57</v>
      </c>
      <c r="U17" s="1">
        <v>2.9</v>
      </c>
      <c r="V17" s="1"/>
      <c r="W17" s="1"/>
      <c r="X17" s="1">
        <v>0.57999999999999996</v>
      </c>
      <c r="Y17" s="1">
        <v>8.5999999999999993E-2</v>
      </c>
      <c r="Z17" s="1">
        <v>5.0000000000000001E-3</v>
      </c>
      <c r="AA17" s="1" t="s">
        <v>554</v>
      </c>
      <c r="AB17" s="1" t="s">
        <v>526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14000000000000001</v>
      </c>
      <c r="BD17" s="1">
        <v>0.19</v>
      </c>
      <c r="BE17" s="1"/>
      <c r="BF17" s="1"/>
      <c r="BG17" s="1"/>
      <c r="BH17" s="1"/>
      <c r="BI17" s="1"/>
      <c r="BJ17" s="1"/>
      <c r="BK17" s="1"/>
      <c r="BL17" s="1"/>
      <c r="BM17" s="1">
        <v>0.06</v>
      </c>
      <c r="BN17" s="1">
        <v>6.3E-2</v>
      </c>
      <c r="BO17" s="1"/>
      <c r="BP17" s="1"/>
      <c r="BQ17" s="1">
        <v>32.090000000000003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6249999999999999</v>
      </c>
      <c r="C18" s="1" t="s">
        <v>553</v>
      </c>
      <c r="D18" s="1" t="s">
        <v>43</v>
      </c>
      <c r="E18" s="1" t="s">
        <v>477</v>
      </c>
      <c r="J18" s="1" t="s">
        <v>205</v>
      </c>
      <c r="N18" s="1" t="s">
        <v>33</v>
      </c>
      <c r="U18" s="1"/>
      <c r="V18" s="1"/>
      <c r="W18" s="1"/>
      <c r="X18" s="1"/>
      <c r="Y18" s="1"/>
      <c r="Z18" s="1"/>
      <c r="AA18" s="1" t="s">
        <v>554</v>
      </c>
      <c r="AB18" s="1" t="s">
        <v>55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069444444444445</v>
      </c>
      <c r="C19" s="1" t="s">
        <v>476</v>
      </c>
      <c r="D19" s="1" t="s">
        <v>43</v>
      </c>
      <c r="E19" s="1" t="s">
        <v>70</v>
      </c>
      <c r="F19" s="1" t="s">
        <v>89</v>
      </c>
      <c r="G19" s="1" t="s">
        <v>89</v>
      </c>
      <c r="J19" s="1" t="s">
        <v>30</v>
      </c>
      <c r="K19" s="1" t="s">
        <v>342</v>
      </c>
      <c r="M19" s="1" t="s">
        <v>201</v>
      </c>
      <c r="N19" s="1" t="s">
        <v>33</v>
      </c>
      <c r="O19" s="1" t="s">
        <v>157</v>
      </c>
      <c r="P19" s="1" t="s">
        <v>35</v>
      </c>
      <c r="Q19" s="1" t="s">
        <v>40</v>
      </c>
      <c r="S19" s="1" t="s">
        <v>163</v>
      </c>
      <c r="U19" s="1">
        <v>6.7</v>
      </c>
      <c r="V19" s="3">
        <v>2300</v>
      </c>
      <c r="W19" s="1" t="s">
        <v>508</v>
      </c>
      <c r="X19" s="1">
        <v>1.4</v>
      </c>
      <c r="Y19" s="1">
        <v>0.11</v>
      </c>
      <c r="Z19" s="1">
        <v>4.0000000000000001E-3</v>
      </c>
      <c r="AA19" s="1" t="s">
        <v>554</v>
      </c>
      <c r="AB19" s="1" t="s">
        <v>526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3</v>
      </c>
      <c r="BC19" s="1">
        <v>0.74</v>
      </c>
      <c r="BD19" s="1">
        <v>0.79</v>
      </c>
      <c r="BE19" s="1"/>
      <c r="BF19" s="1"/>
      <c r="BG19" s="1"/>
      <c r="BH19" s="1"/>
      <c r="BI19" s="1"/>
      <c r="BJ19" s="1"/>
      <c r="BK19" s="1"/>
      <c r="BL19" s="1"/>
      <c r="BM19" s="1">
        <v>0.18</v>
      </c>
      <c r="BN19" s="1">
        <v>8.6999999999999994E-2</v>
      </c>
      <c r="BO19" s="1"/>
      <c r="BP19" s="1"/>
      <c r="BQ19" s="1">
        <v>21.2</v>
      </c>
      <c r="BR19" s="1"/>
      <c r="BS19" s="1"/>
      <c r="BT19" s="1">
        <v>2.1</v>
      </c>
      <c r="BU19" s="1"/>
      <c r="BV19" s="1"/>
      <c r="BW19" s="1"/>
      <c r="BX19" s="1"/>
      <c r="BY19" s="1"/>
      <c r="BZ19" s="1"/>
    </row>
    <row r="20" spans="1:78" x14ac:dyDescent="0.15">
      <c r="B20" s="2">
        <v>0.4069444444444445</v>
      </c>
      <c r="C20" s="1" t="s">
        <v>478</v>
      </c>
      <c r="D20" s="1" t="s">
        <v>43</v>
      </c>
      <c r="E20" s="1" t="s">
        <v>70</v>
      </c>
      <c r="G20" s="1" t="s">
        <v>88</v>
      </c>
      <c r="J20" s="1" t="s">
        <v>303</v>
      </c>
      <c r="N20" s="1" t="s">
        <v>33</v>
      </c>
      <c r="P20" s="1" t="s">
        <v>35</v>
      </c>
      <c r="Q20" s="1" t="s">
        <v>40</v>
      </c>
      <c r="S20" s="1" t="s">
        <v>91</v>
      </c>
      <c r="U20" s="1">
        <v>4.0999999999999996</v>
      </c>
      <c r="V20" s="1"/>
      <c r="W20" s="1"/>
      <c r="X20" s="1">
        <v>0.56000000000000005</v>
      </c>
      <c r="Y20" s="1">
        <v>6.2E-2</v>
      </c>
      <c r="Z20" s="1">
        <v>5.0000000000000001E-3</v>
      </c>
      <c r="AA20" s="1" t="s">
        <v>554</v>
      </c>
      <c r="AB20" s="1" t="s">
        <v>52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0</v>
      </c>
      <c r="BC20" s="1">
        <v>0.22</v>
      </c>
      <c r="BD20" s="1">
        <v>0.27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4.4999999999999998E-2</v>
      </c>
      <c r="BO20" s="1"/>
      <c r="BP20" s="1"/>
      <c r="BQ20" s="1">
        <v>32.26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069444444444445</v>
      </c>
      <c r="C21" s="1" t="s">
        <v>553</v>
      </c>
      <c r="D21" s="1" t="s">
        <v>43</v>
      </c>
      <c r="E21" s="1" t="s">
        <v>70</v>
      </c>
      <c r="J21" s="1" t="s">
        <v>194</v>
      </c>
      <c r="N21" s="1" t="s">
        <v>33</v>
      </c>
      <c r="U21" s="1"/>
      <c r="V21" s="1"/>
      <c r="W21" s="1"/>
      <c r="X21" s="1"/>
      <c r="Y21" s="1"/>
      <c r="Z21" s="1"/>
      <c r="AA21" s="1" t="s">
        <v>554</v>
      </c>
      <c r="AB21" s="1" t="s">
        <v>554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 t="s">
        <v>513</v>
      </c>
      <c r="AV21" s="1" t="s">
        <v>509</v>
      </c>
      <c r="AW21" s="1" t="s">
        <v>509</v>
      </c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833333333333333</v>
      </c>
      <c r="C22" s="1" t="s">
        <v>476</v>
      </c>
      <c r="D22" s="1" t="s">
        <v>27</v>
      </c>
      <c r="E22" s="1" t="s">
        <v>44</v>
      </c>
      <c r="F22" s="1" t="s">
        <v>98</v>
      </c>
      <c r="G22" s="1" t="s">
        <v>345</v>
      </c>
      <c r="J22" s="1" t="s">
        <v>30</v>
      </c>
      <c r="K22" s="1" t="s">
        <v>154</v>
      </c>
      <c r="M22" s="1" t="s">
        <v>47</v>
      </c>
      <c r="N22" s="1" t="s">
        <v>33</v>
      </c>
      <c r="O22" s="1" t="s">
        <v>92</v>
      </c>
      <c r="P22" s="1" t="s">
        <v>35</v>
      </c>
      <c r="Q22" s="1" t="s">
        <v>36</v>
      </c>
      <c r="S22" s="1" t="s">
        <v>47</v>
      </c>
      <c r="U22" s="1">
        <v>8.1</v>
      </c>
      <c r="V22" s="3">
        <v>13</v>
      </c>
      <c r="W22" s="1" t="s">
        <v>508</v>
      </c>
      <c r="X22" s="1">
        <v>1.1000000000000001</v>
      </c>
      <c r="Y22" s="1">
        <v>8.6999999999999994E-2</v>
      </c>
      <c r="Z22" s="1">
        <v>3.0000000000000001E-3</v>
      </c>
      <c r="AA22" s="1" t="s">
        <v>554</v>
      </c>
      <c r="AB22" s="1" t="s">
        <v>52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3</v>
      </c>
      <c r="BC22" s="1">
        <v>0.43</v>
      </c>
      <c r="BD22" s="1">
        <v>0.48</v>
      </c>
      <c r="BE22" s="1"/>
      <c r="BF22" s="1"/>
      <c r="BG22" s="1"/>
      <c r="BH22" s="1"/>
      <c r="BI22" s="1"/>
      <c r="BJ22" s="1"/>
      <c r="BK22" s="1"/>
      <c r="BL22" s="1"/>
      <c r="BM22" s="1">
        <v>7.0000000000000007E-2</v>
      </c>
      <c r="BN22" s="1">
        <v>3.9E-2</v>
      </c>
      <c r="BO22" s="1"/>
      <c r="BP22" s="1"/>
      <c r="BQ22" s="1">
        <v>30.72</v>
      </c>
      <c r="BR22" s="1"/>
      <c r="BS22" s="1"/>
      <c r="BT22" s="1">
        <v>16</v>
      </c>
      <c r="BU22" s="1"/>
      <c r="BV22" s="1"/>
      <c r="BW22" s="1"/>
      <c r="BX22" s="1"/>
      <c r="BY22" s="1"/>
      <c r="BZ22" s="1"/>
    </row>
    <row r="23" spans="1:78" x14ac:dyDescent="0.15">
      <c r="B23" s="2">
        <v>0.3833333333333333</v>
      </c>
      <c r="C23" s="1" t="s">
        <v>478</v>
      </c>
      <c r="D23" s="1" t="s">
        <v>27</v>
      </c>
      <c r="E23" s="1" t="s">
        <v>44</v>
      </c>
      <c r="G23" s="1" t="s">
        <v>218</v>
      </c>
      <c r="J23" s="1" t="s">
        <v>305</v>
      </c>
      <c r="N23" s="1" t="s">
        <v>33</v>
      </c>
      <c r="P23" s="1" t="s">
        <v>35</v>
      </c>
      <c r="Q23" s="1" t="s">
        <v>40</v>
      </c>
      <c r="S23" s="1" t="s">
        <v>201</v>
      </c>
      <c r="U23" s="1">
        <v>5.2</v>
      </c>
      <c r="V23" s="1"/>
      <c r="W23" s="1"/>
      <c r="X23" s="1">
        <v>0.5</v>
      </c>
      <c r="Y23" s="1">
        <v>4.4999999999999998E-2</v>
      </c>
      <c r="Z23" s="1">
        <v>3.0000000000000001E-3</v>
      </c>
      <c r="AA23" s="1" t="s">
        <v>554</v>
      </c>
      <c r="AB23" s="1" t="s">
        <v>52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2</v>
      </c>
      <c r="BC23" s="1">
        <v>0.11</v>
      </c>
      <c r="BD23" s="1">
        <v>0.16</v>
      </c>
      <c r="BE23" s="1"/>
      <c r="BF23" s="1"/>
      <c r="BG23" s="1"/>
      <c r="BH23" s="1"/>
      <c r="BI23" s="1"/>
      <c r="BJ23" s="1"/>
      <c r="BK23" s="1"/>
      <c r="BL23" s="1"/>
      <c r="BM23" s="1">
        <v>0.06</v>
      </c>
      <c r="BN23" s="1">
        <v>3.1E-2</v>
      </c>
      <c r="BO23" s="1"/>
      <c r="BP23" s="1"/>
      <c r="BQ23" s="1">
        <v>33.659999999999997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833333333333333</v>
      </c>
      <c r="C24" s="1" t="s">
        <v>553</v>
      </c>
      <c r="D24" s="1" t="s">
        <v>27</v>
      </c>
      <c r="E24" s="1" t="s">
        <v>44</v>
      </c>
      <c r="J24" s="1" t="s">
        <v>210</v>
      </c>
      <c r="N24" s="1" t="s">
        <v>33</v>
      </c>
      <c r="U24" s="1"/>
      <c r="V24" s="1"/>
      <c r="W24" s="1"/>
      <c r="X24" s="1"/>
      <c r="Y24" s="1"/>
      <c r="Z24" s="1"/>
      <c r="AA24" s="1" t="s">
        <v>554</v>
      </c>
      <c r="AB24" s="1" t="s">
        <v>554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40833333333333338</v>
      </c>
      <c r="C25" s="1" t="s">
        <v>476</v>
      </c>
      <c r="D25" s="1" t="s">
        <v>27</v>
      </c>
      <c r="E25" s="1" t="s">
        <v>107</v>
      </c>
      <c r="F25" s="1" t="s">
        <v>167</v>
      </c>
      <c r="G25" s="1" t="s">
        <v>29</v>
      </c>
      <c r="J25" s="1" t="s">
        <v>30</v>
      </c>
      <c r="K25" s="1" t="s">
        <v>307</v>
      </c>
      <c r="M25" s="1" t="s">
        <v>207</v>
      </c>
      <c r="N25" s="1" t="s">
        <v>33</v>
      </c>
      <c r="O25" s="1" t="s">
        <v>92</v>
      </c>
      <c r="P25" s="1" t="s">
        <v>35</v>
      </c>
      <c r="Q25" s="1" t="s">
        <v>84</v>
      </c>
      <c r="S25" s="1" t="s">
        <v>54</v>
      </c>
      <c r="U25" s="1">
        <v>7.7</v>
      </c>
      <c r="V25" s="3">
        <v>23</v>
      </c>
      <c r="W25" s="1" t="s">
        <v>508</v>
      </c>
      <c r="X25" s="1">
        <v>0.85</v>
      </c>
      <c r="Y25" s="1">
        <v>4.9000000000000002E-2</v>
      </c>
      <c r="Z25" s="1">
        <v>2E-3</v>
      </c>
      <c r="AA25" s="1" t="s">
        <v>554</v>
      </c>
      <c r="AB25" s="1" t="s">
        <v>526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3</v>
      </c>
      <c r="BC25" s="1">
        <v>0.27</v>
      </c>
      <c r="BD25" s="1">
        <v>0.32</v>
      </c>
      <c r="BE25" s="1"/>
      <c r="BF25" s="1"/>
      <c r="BG25" s="1"/>
      <c r="BH25" s="1"/>
      <c r="BI25" s="1"/>
      <c r="BJ25" s="1"/>
      <c r="BK25" s="1"/>
      <c r="BL25" s="1"/>
      <c r="BM25" s="1">
        <v>0.13</v>
      </c>
      <c r="BN25" s="1">
        <v>3.3000000000000002E-2</v>
      </c>
      <c r="BO25" s="1"/>
      <c r="BP25" s="1"/>
      <c r="BQ25" s="1">
        <v>32.06</v>
      </c>
      <c r="BR25" s="1"/>
      <c r="BS25" s="1"/>
      <c r="BT25" s="1">
        <v>6.2</v>
      </c>
      <c r="BU25" s="1"/>
      <c r="BV25" s="1"/>
      <c r="BW25" s="1"/>
      <c r="BX25" s="1"/>
      <c r="BY25" s="1"/>
      <c r="BZ25" s="1"/>
    </row>
    <row r="26" spans="1:78" x14ac:dyDescent="0.15">
      <c r="B26" s="2">
        <v>0.40833333333333338</v>
      </c>
      <c r="C26" s="1" t="s">
        <v>478</v>
      </c>
      <c r="D26" s="1" t="s">
        <v>27</v>
      </c>
      <c r="E26" s="1" t="s">
        <v>107</v>
      </c>
      <c r="G26" s="1" t="s">
        <v>184</v>
      </c>
      <c r="J26" s="1" t="s">
        <v>223</v>
      </c>
      <c r="N26" s="1" t="s">
        <v>33</v>
      </c>
      <c r="P26" s="1" t="s">
        <v>35</v>
      </c>
      <c r="Q26" s="1" t="s">
        <v>36</v>
      </c>
      <c r="S26" s="1" t="s">
        <v>156</v>
      </c>
      <c r="U26" s="1">
        <v>5.2</v>
      </c>
      <c r="V26" s="1"/>
      <c r="W26" s="1"/>
      <c r="X26" s="1">
        <v>0.73</v>
      </c>
      <c r="Y26" s="1">
        <v>4.9000000000000002E-2</v>
      </c>
      <c r="Z26" s="1">
        <v>2E-3</v>
      </c>
      <c r="AA26" s="1" t="s">
        <v>554</v>
      </c>
      <c r="AB26" s="1" t="s">
        <v>570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1</v>
      </c>
      <c r="BD26" s="1">
        <v>0.16</v>
      </c>
      <c r="BE26" s="1"/>
      <c r="BF26" s="1"/>
      <c r="BG26" s="1"/>
      <c r="BH26" s="1"/>
      <c r="BI26" s="1"/>
      <c r="BJ26" s="1"/>
      <c r="BK26" s="1"/>
      <c r="BL26" s="1"/>
      <c r="BM26" s="1">
        <v>0.1</v>
      </c>
      <c r="BN26" s="1">
        <v>4.3999999999999997E-2</v>
      </c>
      <c r="BO26" s="1"/>
      <c r="BP26" s="1"/>
      <c r="BQ26" s="1">
        <v>33.35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0833333333333338</v>
      </c>
      <c r="C27" s="1" t="s">
        <v>553</v>
      </c>
      <c r="D27" s="1" t="s">
        <v>27</v>
      </c>
      <c r="E27" s="1" t="s">
        <v>107</v>
      </c>
      <c r="J27" s="1" t="s">
        <v>210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41875000000000001</v>
      </c>
      <c r="C28" s="1" t="s">
        <v>476</v>
      </c>
      <c r="D28" s="1" t="s">
        <v>43</v>
      </c>
      <c r="E28" s="1" t="s">
        <v>70</v>
      </c>
      <c r="F28" s="1" t="s">
        <v>105</v>
      </c>
      <c r="G28" s="1" t="s">
        <v>194</v>
      </c>
      <c r="J28" s="1" t="s">
        <v>30</v>
      </c>
      <c r="K28" s="1" t="s">
        <v>342</v>
      </c>
      <c r="M28" s="1" t="s">
        <v>119</v>
      </c>
      <c r="N28" s="1" t="s">
        <v>33</v>
      </c>
      <c r="O28" s="1" t="s">
        <v>92</v>
      </c>
      <c r="P28" s="1" t="s">
        <v>35</v>
      </c>
      <c r="Q28" s="1" t="s">
        <v>40</v>
      </c>
      <c r="S28" s="1" t="s">
        <v>41</v>
      </c>
      <c r="U28" s="1">
        <v>8.6</v>
      </c>
      <c r="V28" s="1" t="s">
        <v>515</v>
      </c>
      <c r="W28" s="1" t="s">
        <v>508</v>
      </c>
      <c r="X28" s="1">
        <v>1</v>
      </c>
      <c r="Y28" s="1">
        <v>6.0999999999999999E-2</v>
      </c>
      <c r="Z28" s="1">
        <v>7.0000000000000001E-3</v>
      </c>
      <c r="AA28" t="s">
        <v>554</v>
      </c>
      <c r="AB28" t="s">
        <v>526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5</v>
      </c>
      <c r="BC28" s="1">
        <v>0.36</v>
      </c>
      <c r="BD28" s="1">
        <v>0.41</v>
      </c>
      <c r="BF28" s="1"/>
      <c r="BG28" s="1"/>
      <c r="BH28" s="1"/>
      <c r="BI28" s="1"/>
      <c r="BJ28" s="1"/>
      <c r="BK28" s="1"/>
      <c r="BL28" s="1"/>
      <c r="BM28" s="1">
        <v>0.13</v>
      </c>
      <c r="BN28" s="1">
        <v>3.9E-2</v>
      </c>
      <c r="BO28" s="1"/>
      <c r="BP28" s="1"/>
      <c r="BQ28" s="1">
        <v>32.549999999999997</v>
      </c>
      <c r="BR28" s="1"/>
      <c r="BS28" s="1"/>
      <c r="BT28" s="1">
        <v>5.3</v>
      </c>
      <c r="BU28" s="1"/>
      <c r="BV28" s="1"/>
      <c r="BW28" s="1"/>
      <c r="BX28" s="1"/>
      <c r="BY28" s="1"/>
      <c r="BZ28" s="1"/>
    </row>
    <row r="29" spans="1:78" x14ac:dyDescent="0.15">
      <c r="B29" s="2">
        <v>0.41875000000000001</v>
      </c>
      <c r="C29" s="1" t="s">
        <v>478</v>
      </c>
      <c r="D29" s="1" t="s">
        <v>43</v>
      </c>
      <c r="E29" s="1" t="s">
        <v>70</v>
      </c>
      <c r="G29" s="1" t="s">
        <v>117</v>
      </c>
      <c r="J29" s="1" t="s">
        <v>303</v>
      </c>
      <c r="N29" s="1" t="s">
        <v>33</v>
      </c>
      <c r="P29" s="1" t="s">
        <v>35</v>
      </c>
      <c r="Q29" s="1" t="s">
        <v>36</v>
      </c>
      <c r="S29" s="1" t="s">
        <v>149</v>
      </c>
      <c r="U29" s="1">
        <v>8.5</v>
      </c>
      <c r="V29" s="1"/>
      <c r="W29" s="1"/>
      <c r="X29" s="1">
        <v>0.54</v>
      </c>
      <c r="Y29" s="1">
        <v>4.2000000000000003E-2</v>
      </c>
      <c r="Z29" s="1">
        <v>5.0000000000000001E-3</v>
      </c>
      <c r="AA29" t="s">
        <v>554</v>
      </c>
      <c r="AB29" t="s">
        <v>526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4</v>
      </c>
      <c r="BC29" s="1">
        <v>0.25</v>
      </c>
      <c r="BD29" s="1">
        <v>0.3</v>
      </c>
      <c r="BF29" s="1"/>
      <c r="BG29" s="1"/>
      <c r="BH29" s="1"/>
      <c r="BI29" s="1"/>
      <c r="BJ29" s="1"/>
      <c r="BK29" s="1"/>
      <c r="BL29" s="1"/>
      <c r="BM29" s="1">
        <v>0.04</v>
      </c>
      <c r="BN29" s="1">
        <v>2.8000000000000001E-2</v>
      </c>
      <c r="BO29" s="1"/>
      <c r="BP29" s="1"/>
      <c r="BQ29" s="1">
        <v>33.01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1875000000000001</v>
      </c>
      <c r="C30" s="1" t="s">
        <v>553</v>
      </c>
      <c r="D30" s="1" t="s">
        <v>43</v>
      </c>
      <c r="E30" s="1" t="s">
        <v>70</v>
      </c>
      <c r="J30" s="1" t="s">
        <v>194</v>
      </c>
      <c r="N30" s="1" t="s">
        <v>33</v>
      </c>
      <c r="U30" s="1"/>
      <c r="V30" s="1"/>
      <c r="W30" s="1"/>
      <c r="X30" s="1"/>
      <c r="Y30" s="1"/>
      <c r="Z30" s="1"/>
      <c r="AA30" t="s">
        <v>554</v>
      </c>
      <c r="AB30" t="s">
        <v>554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9930555555555558</v>
      </c>
      <c r="C31" s="1" t="s">
        <v>476</v>
      </c>
      <c r="D31" s="1" t="s">
        <v>51</v>
      </c>
      <c r="E31" s="1" t="s">
        <v>477</v>
      </c>
      <c r="F31" s="1" t="s">
        <v>80</v>
      </c>
      <c r="G31" s="1" t="s">
        <v>248</v>
      </c>
      <c r="J31" s="1" t="s">
        <v>30</v>
      </c>
      <c r="K31" s="1" t="s">
        <v>338</v>
      </c>
      <c r="M31" s="1" t="s">
        <v>116</v>
      </c>
      <c r="N31" s="1" t="s">
        <v>33</v>
      </c>
      <c r="O31" s="1" t="s">
        <v>92</v>
      </c>
      <c r="P31" s="1" t="s">
        <v>35</v>
      </c>
      <c r="Q31" s="1" t="s">
        <v>84</v>
      </c>
      <c r="S31" s="1" t="s">
        <v>41</v>
      </c>
      <c r="U31" s="1">
        <v>9.4</v>
      </c>
      <c r="V31" s="3">
        <v>5</v>
      </c>
      <c r="W31" s="1" t="s">
        <v>508</v>
      </c>
      <c r="X31" s="1">
        <v>0.77</v>
      </c>
      <c r="Y31" s="1">
        <v>0.03</v>
      </c>
      <c r="Z31" s="1">
        <v>4.0000000000000001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3</v>
      </c>
      <c r="BC31" s="1">
        <v>0.35</v>
      </c>
      <c r="BD31" s="1">
        <v>0.4</v>
      </c>
      <c r="BF31" s="1"/>
      <c r="BG31" s="1"/>
      <c r="BH31" s="1"/>
      <c r="BI31" s="1"/>
      <c r="BJ31" s="1"/>
      <c r="BK31" s="1"/>
      <c r="BL31" s="1"/>
      <c r="BM31" s="1">
        <v>0.05</v>
      </c>
      <c r="BN31" s="1">
        <v>1.4E-2</v>
      </c>
      <c r="BO31" s="1"/>
      <c r="BP31" s="1"/>
      <c r="BQ31" s="1">
        <v>32.299999999999997</v>
      </c>
      <c r="BR31" s="1" t="s">
        <v>531</v>
      </c>
      <c r="BS31" s="1" t="s">
        <v>511</v>
      </c>
      <c r="BT31" s="1">
        <v>3.8</v>
      </c>
      <c r="BU31" s="1"/>
      <c r="BV31" s="1"/>
      <c r="BW31" s="1"/>
      <c r="BX31" s="1"/>
      <c r="BY31" s="1"/>
      <c r="BZ31" s="1"/>
    </row>
    <row r="32" spans="1:78" x14ac:dyDescent="0.15">
      <c r="B32" s="2">
        <v>0.39930555555555558</v>
      </c>
      <c r="C32" s="1" t="s">
        <v>478</v>
      </c>
      <c r="D32" s="1" t="s">
        <v>51</v>
      </c>
      <c r="E32" s="1" t="s">
        <v>477</v>
      </c>
      <c r="G32" s="1" t="s">
        <v>253</v>
      </c>
      <c r="J32" s="1" t="s">
        <v>272</v>
      </c>
      <c r="N32" s="1" t="s">
        <v>33</v>
      </c>
      <c r="P32" s="1" t="s">
        <v>35</v>
      </c>
      <c r="Q32" s="1" t="s">
        <v>84</v>
      </c>
      <c r="S32" s="1" t="s">
        <v>91</v>
      </c>
      <c r="U32" s="1">
        <v>8.8000000000000007</v>
      </c>
      <c r="V32" s="1"/>
      <c r="W32" s="1"/>
      <c r="X32" s="1">
        <v>0.5</v>
      </c>
      <c r="Y32" s="1">
        <v>2.5999999999999999E-2</v>
      </c>
      <c r="Z32" s="1">
        <v>3.000000000000000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22</v>
      </c>
      <c r="BD32" s="1">
        <v>0.27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2E-2</v>
      </c>
      <c r="BO32" s="1"/>
      <c r="BP32" s="1"/>
      <c r="BQ32" s="1">
        <v>32.96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9930555555555558</v>
      </c>
      <c r="C33" s="1" t="s">
        <v>553</v>
      </c>
      <c r="D33" s="1" t="s">
        <v>51</v>
      </c>
      <c r="E33" s="1" t="s">
        <v>477</v>
      </c>
      <c r="J33" s="1" t="s">
        <v>124</v>
      </c>
      <c r="N33" s="1" t="s">
        <v>33</v>
      </c>
      <c r="U33" s="1"/>
      <c r="V33" s="1"/>
      <c r="W33" s="1"/>
      <c r="X33" s="1"/>
      <c r="Y33" s="1"/>
      <c r="Z33" s="1"/>
      <c r="AA33" t="s">
        <v>554</v>
      </c>
      <c r="AB33" t="s">
        <v>554</v>
      </c>
      <c r="AC33" s="1" t="s">
        <v>509</v>
      </c>
      <c r="AD33" s="1" t="s">
        <v>510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4</v>
      </c>
      <c r="AL33" s="1" t="s">
        <v>514</v>
      </c>
      <c r="AM33" s="1" t="s">
        <v>514</v>
      </c>
      <c r="AN33" s="1" t="s">
        <v>514</v>
      </c>
      <c r="AO33" s="1" t="s">
        <v>514</v>
      </c>
      <c r="AP33" t="s">
        <v>514</v>
      </c>
      <c r="AQ33" s="1" t="s">
        <v>514</v>
      </c>
      <c r="AR33" s="1" t="s">
        <v>514</v>
      </c>
      <c r="AS33" s="1" t="s">
        <v>514</v>
      </c>
      <c r="AT33" s="1" t="s">
        <v>517</v>
      </c>
      <c r="AU33" s="1"/>
      <c r="AV33" s="1"/>
      <c r="AW33" s="1"/>
      <c r="AX33" s="1" t="s">
        <v>514</v>
      </c>
      <c r="AY33" s="1" t="s">
        <v>523</v>
      </c>
      <c r="AZ33" s="1"/>
      <c r="BA33" s="1"/>
      <c r="BB33" s="1"/>
      <c r="BC33" s="1"/>
      <c r="BD33" s="1"/>
      <c r="BE33" t="s">
        <v>511</v>
      </c>
      <c r="BF33" s="1" t="s">
        <v>511</v>
      </c>
      <c r="BG33" s="1" t="s">
        <v>524</v>
      </c>
      <c r="BH33" s="1" t="s">
        <v>512</v>
      </c>
      <c r="BI33" s="1" t="s">
        <v>510</v>
      </c>
      <c r="BJ33" s="1"/>
      <c r="BK33" s="1" t="s">
        <v>513</v>
      </c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7361111111111112</v>
      </c>
      <c r="C34" s="1" t="s">
        <v>476</v>
      </c>
      <c r="D34" s="1" t="s">
        <v>43</v>
      </c>
      <c r="E34" s="1" t="s">
        <v>477</v>
      </c>
      <c r="F34" s="1" t="s">
        <v>238</v>
      </c>
      <c r="G34" s="1" t="s">
        <v>127</v>
      </c>
      <c r="J34" s="1" t="s">
        <v>30</v>
      </c>
      <c r="K34" s="1" t="s">
        <v>82</v>
      </c>
      <c r="M34" s="1" t="s">
        <v>259</v>
      </c>
      <c r="N34" s="1" t="s">
        <v>33</v>
      </c>
      <c r="O34" s="1" t="s">
        <v>92</v>
      </c>
      <c r="P34" s="1" t="s">
        <v>35</v>
      </c>
      <c r="Q34" s="1" t="s">
        <v>63</v>
      </c>
      <c r="S34" s="1" t="s">
        <v>125</v>
      </c>
      <c r="U34" s="1">
        <v>9.4</v>
      </c>
      <c r="V34" s="3">
        <v>70</v>
      </c>
      <c r="W34" s="1" t="s">
        <v>508</v>
      </c>
      <c r="X34" s="1">
        <v>0.87</v>
      </c>
      <c r="Y34" s="1">
        <v>3.1E-2</v>
      </c>
      <c r="Z34" s="1">
        <v>5.0000000000000001E-3</v>
      </c>
      <c r="AA34" t="s">
        <v>554</v>
      </c>
      <c r="AB34" t="s">
        <v>526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36</v>
      </c>
      <c r="BD34" s="1">
        <v>0.41</v>
      </c>
      <c r="BF34" s="1"/>
      <c r="BG34" s="1"/>
      <c r="BH34" s="1"/>
      <c r="BI34" s="1"/>
      <c r="BJ34" s="1"/>
      <c r="BK34" s="1"/>
      <c r="BL34" s="1"/>
      <c r="BM34" s="1">
        <v>0.08</v>
      </c>
      <c r="BN34" s="1">
        <v>1.4E-2</v>
      </c>
      <c r="BO34" s="1"/>
      <c r="BP34" s="1"/>
      <c r="BQ34" s="1">
        <v>31.77</v>
      </c>
      <c r="BR34" s="1"/>
      <c r="BS34" s="1"/>
      <c r="BT34" s="1">
        <v>4.8</v>
      </c>
      <c r="BU34" s="1"/>
      <c r="BV34" s="1"/>
      <c r="BW34" s="1"/>
      <c r="BX34" s="1"/>
      <c r="BY34" s="1"/>
      <c r="BZ34" s="1"/>
    </row>
    <row r="35" spans="1:78" x14ac:dyDescent="0.15">
      <c r="B35" s="2">
        <v>0.37361111111111112</v>
      </c>
      <c r="C35" s="1" t="s">
        <v>478</v>
      </c>
      <c r="D35" s="1" t="s">
        <v>43</v>
      </c>
      <c r="E35" s="1" t="s">
        <v>477</v>
      </c>
      <c r="G35" s="1" t="s">
        <v>124</v>
      </c>
      <c r="J35" s="1" t="s">
        <v>154</v>
      </c>
      <c r="N35" s="1" t="s">
        <v>33</v>
      </c>
      <c r="P35" s="1" t="s">
        <v>35</v>
      </c>
      <c r="Q35" s="1" t="s">
        <v>36</v>
      </c>
      <c r="S35" s="1" t="s">
        <v>91</v>
      </c>
      <c r="U35" s="1">
        <v>7</v>
      </c>
      <c r="V35" s="1"/>
      <c r="W35" s="1"/>
      <c r="X35" s="1">
        <v>0.42</v>
      </c>
      <c r="Y35" s="1">
        <v>3.9E-2</v>
      </c>
      <c r="Z35" s="1">
        <v>5.0000000000000001E-3</v>
      </c>
      <c r="AA35" t="s">
        <v>554</v>
      </c>
      <c r="AB35" t="s">
        <v>526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16</v>
      </c>
      <c r="BD35" s="1">
        <v>0.21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2.1999999999999999E-2</v>
      </c>
      <c r="BO35" s="1"/>
      <c r="BP35" s="1"/>
      <c r="BQ35" s="1">
        <v>33.880000000000003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7361111111111112</v>
      </c>
      <c r="C36" s="1" t="s">
        <v>553</v>
      </c>
      <c r="D36" s="1" t="s">
        <v>43</v>
      </c>
      <c r="E36" s="1" t="s">
        <v>477</v>
      </c>
      <c r="J36" s="1" t="s">
        <v>198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82" spans="21:21" x14ac:dyDescent="0.15">
      <c r="U1482" s="1"/>
    </row>
    <row r="1483" spans="21:21" x14ac:dyDescent="0.15">
      <c r="U1483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3" spans="21:21" x14ac:dyDescent="0.15">
      <c r="U1493" s="1"/>
    </row>
    <row r="1494" spans="21:21" x14ac:dyDescent="0.15">
      <c r="U1494" s="1"/>
    </row>
    <row r="1495" spans="21:21" x14ac:dyDescent="0.15">
      <c r="U1495" s="1"/>
    </row>
    <row r="1496" spans="21:21" x14ac:dyDescent="0.15">
      <c r="U1496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0" spans="21:21" x14ac:dyDescent="0.15">
      <c r="U1500" s="1"/>
    </row>
    <row r="1501" spans="21:21" x14ac:dyDescent="0.15">
      <c r="U1501" s="1"/>
    </row>
    <row r="1502" spans="21:21" x14ac:dyDescent="0.15">
      <c r="U1502" s="1"/>
    </row>
    <row r="1503" spans="21:21" x14ac:dyDescent="0.15">
      <c r="U1503" s="1"/>
    </row>
    <row r="1504" spans="21:21" x14ac:dyDescent="0.15">
      <c r="U1504" s="1"/>
    </row>
    <row r="1505" spans="21:21" x14ac:dyDescent="0.15">
      <c r="U1505" s="1"/>
    </row>
    <row r="1506" spans="21:21" x14ac:dyDescent="0.15">
      <c r="U1506" s="1"/>
    </row>
    <row r="1507" spans="21:21" x14ac:dyDescent="0.15">
      <c r="U1507" s="1"/>
    </row>
    <row r="1508" spans="21:21" x14ac:dyDescent="0.15">
      <c r="U1508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  <row r="1512" spans="21:21" x14ac:dyDescent="0.15">
      <c r="U1512" s="1"/>
    </row>
    <row r="1513" spans="21:21" x14ac:dyDescent="0.15">
      <c r="U1513" s="1"/>
    </row>
    <row r="1514" spans="21:21" x14ac:dyDescent="0.15">
      <c r="U1514" s="1"/>
    </row>
    <row r="1515" spans="21:21" x14ac:dyDescent="0.15">
      <c r="U1515" s="1"/>
    </row>
    <row r="1520" spans="21:21" x14ac:dyDescent="0.15">
      <c r="U1520" s="1"/>
    </row>
    <row r="1521" spans="21:21" x14ac:dyDescent="0.15">
      <c r="U1521" s="1"/>
    </row>
    <row r="1522" spans="21:21" x14ac:dyDescent="0.15">
      <c r="U1522" s="1"/>
    </row>
    <row r="1523" spans="21:21" x14ac:dyDescent="0.15">
      <c r="U1523" s="1"/>
    </row>
    <row r="1524" spans="21:21" x14ac:dyDescent="0.15">
      <c r="U1524" s="1"/>
    </row>
    <row r="1525" spans="21:21" x14ac:dyDescent="0.15">
      <c r="U1525" s="1"/>
    </row>
    <row r="1526" spans="21:21" x14ac:dyDescent="0.15">
      <c r="U1526" s="1"/>
    </row>
    <row r="1527" spans="21:21" x14ac:dyDescent="0.15">
      <c r="U1527" s="1"/>
    </row>
    <row r="1528" spans="21:21" x14ac:dyDescent="0.15">
      <c r="U1528" s="1"/>
    </row>
    <row r="1529" spans="21:21" x14ac:dyDescent="0.15">
      <c r="U1529" s="1"/>
    </row>
    <row r="1530" spans="21:21" x14ac:dyDescent="0.15">
      <c r="U1530" s="1"/>
    </row>
    <row r="1531" spans="21:21" x14ac:dyDescent="0.15">
      <c r="U1531" s="1"/>
    </row>
    <row r="1532" spans="21:21" x14ac:dyDescent="0.15">
      <c r="U1532" s="1"/>
    </row>
    <row r="1533" spans="21:21" x14ac:dyDescent="0.15">
      <c r="U1533" s="1"/>
    </row>
    <row r="1534" spans="21:21" x14ac:dyDescent="0.15">
      <c r="U1534" s="1"/>
    </row>
    <row r="1535" spans="21:21" x14ac:dyDescent="0.15">
      <c r="U1535" s="1"/>
    </row>
    <row r="1536" spans="21:21" x14ac:dyDescent="0.15">
      <c r="U1536" s="1"/>
    </row>
    <row r="1537" spans="21:21" x14ac:dyDescent="0.15">
      <c r="U1537" s="1"/>
    </row>
    <row r="1538" spans="21:21" x14ac:dyDescent="0.15">
      <c r="U1538" s="1"/>
    </row>
    <row r="1539" spans="21:21" x14ac:dyDescent="0.15">
      <c r="U1539" s="1"/>
    </row>
    <row r="1540" spans="21:21" x14ac:dyDescent="0.15">
      <c r="U1540" s="1"/>
    </row>
    <row r="1541" spans="21:21" x14ac:dyDescent="0.15">
      <c r="U1541" s="1"/>
    </row>
    <row r="1542" spans="21:21" x14ac:dyDescent="0.15">
      <c r="U1542" s="1"/>
    </row>
    <row r="1543" spans="21:21" x14ac:dyDescent="0.15">
      <c r="U1543" s="1"/>
    </row>
    <row r="1544" spans="21:21" x14ac:dyDescent="0.15">
      <c r="U1544" s="1"/>
    </row>
    <row r="1545" spans="21:21" x14ac:dyDescent="0.15">
      <c r="U1545" s="1"/>
    </row>
    <row r="1546" spans="21:21" x14ac:dyDescent="0.15">
      <c r="U1546" s="1"/>
    </row>
    <row r="1547" spans="21:21" x14ac:dyDescent="0.15">
      <c r="U1547" s="1"/>
    </row>
    <row r="1548" spans="21:21" x14ac:dyDescent="0.15">
      <c r="U1548" s="1"/>
    </row>
    <row r="1549" spans="21:21" x14ac:dyDescent="0.15">
      <c r="U1549" s="1"/>
    </row>
    <row r="1550" spans="21:21" x14ac:dyDescent="0.15">
      <c r="U1550" s="1"/>
    </row>
    <row r="1551" spans="21:21" x14ac:dyDescent="0.15">
      <c r="U1551" s="1"/>
    </row>
    <row r="1552" spans="21:21" x14ac:dyDescent="0.15">
      <c r="U1552" s="1"/>
    </row>
    <row r="1553" spans="21:21" x14ac:dyDescent="0.15">
      <c r="U1553" s="1"/>
    </row>
    <row r="1558" spans="21:21" x14ac:dyDescent="0.15">
      <c r="U1558" s="1"/>
    </row>
    <row r="1559" spans="21:21" x14ac:dyDescent="0.15">
      <c r="U1559" s="1"/>
    </row>
    <row r="1560" spans="21:21" x14ac:dyDescent="0.15">
      <c r="U1560" s="1"/>
    </row>
    <row r="1561" spans="21:21" x14ac:dyDescent="0.15">
      <c r="U1561" s="1"/>
    </row>
    <row r="1562" spans="21:21" x14ac:dyDescent="0.15">
      <c r="U1562" s="1"/>
    </row>
    <row r="1563" spans="21:21" x14ac:dyDescent="0.15">
      <c r="U1563" s="1"/>
    </row>
    <row r="1564" spans="21:21" x14ac:dyDescent="0.15">
      <c r="U1564" s="1"/>
    </row>
    <row r="1565" spans="21:21" x14ac:dyDescent="0.15">
      <c r="U1565" s="1"/>
    </row>
    <row r="1566" spans="21:21" x14ac:dyDescent="0.15">
      <c r="U1566" s="1"/>
    </row>
    <row r="1567" spans="21:21" x14ac:dyDescent="0.15">
      <c r="U1567" s="1"/>
    </row>
    <row r="1568" spans="21:21" x14ac:dyDescent="0.15">
      <c r="U1568" s="1"/>
    </row>
    <row r="1569" spans="21:21" x14ac:dyDescent="0.15">
      <c r="U1569" s="1"/>
    </row>
    <row r="1570" spans="21:21" x14ac:dyDescent="0.15">
      <c r="U1570" s="1"/>
    </row>
    <row r="1571" spans="21:21" x14ac:dyDescent="0.15">
      <c r="U1571" s="1"/>
    </row>
    <row r="1572" spans="21:21" x14ac:dyDescent="0.15">
      <c r="U1572" s="1"/>
    </row>
    <row r="1573" spans="21:21" x14ac:dyDescent="0.15">
      <c r="U1573" s="1"/>
    </row>
    <row r="1574" spans="21:21" x14ac:dyDescent="0.15">
      <c r="U1574" s="1"/>
    </row>
    <row r="1575" spans="21:21" x14ac:dyDescent="0.15">
      <c r="U1575" s="1"/>
    </row>
    <row r="1576" spans="21:21" x14ac:dyDescent="0.15">
      <c r="U1576" s="1"/>
    </row>
    <row r="1577" spans="21:21" x14ac:dyDescent="0.15">
      <c r="U1577" s="1"/>
    </row>
    <row r="1578" spans="21:21" x14ac:dyDescent="0.15">
      <c r="U1578" s="1"/>
    </row>
    <row r="1579" spans="21:21" x14ac:dyDescent="0.15">
      <c r="U1579" s="1"/>
    </row>
    <row r="1580" spans="21:21" x14ac:dyDescent="0.15">
      <c r="U1580" s="1"/>
    </row>
    <row r="1581" spans="21:21" x14ac:dyDescent="0.15">
      <c r="U1581" s="1"/>
    </row>
    <row r="1582" spans="21:21" x14ac:dyDescent="0.15">
      <c r="U1582" s="1"/>
    </row>
    <row r="1583" spans="21:21" x14ac:dyDescent="0.15">
      <c r="U1583" s="1"/>
    </row>
    <row r="1584" spans="21:21" x14ac:dyDescent="0.15">
      <c r="U1584" s="1"/>
    </row>
    <row r="1585" spans="21:21" x14ac:dyDescent="0.15">
      <c r="U1585" s="1"/>
    </row>
    <row r="1586" spans="21:21" x14ac:dyDescent="0.15">
      <c r="U1586" s="1"/>
    </row>
    <row r="1587" spans="21:21" x14ac:dyDescent="0.15">
      <c r="U1587" s="1"/>
    </row>
    <row r="1588" spans="21:21" x14ac:dyDescent="0.15">
      <c r="U1588" s="1"/>
    </row>
    <row r="1589" spans="21:21" x14ac:dyDescent="0.15">
      <c r="U1589" s="1"/>
    </row>
    <row r="1590" spans="21:21" x14ac:dyDescent="0.15">
      <c r="U1590" s="1"/>
    </row>
    <row r="1591" spans="21:21" x14ac:dyDescent="0.15">
      <c r="U1591" s="1"/>
    </row>
    <row r="1596" spans="21:21" x14ac:dyDescent="0.15">
      <c r="U1596" s="1"/>
    </row>
    <row r="1597" spans="21:21" x14ac:dyDescent="0.15">
      <c r="U1597" s="1"/>
    </row>
    <row r="1598" spans="21:21" x14ac:dyDescent="0.15">
      <c r="U1598" s="1"/>
    </row>
    <row r="1599" spans="21:21" x14ac:dyDescent="0.15">
      <c r="U1599" s="1"/>
    </row>
    <row r="1600" spans="21:21" x14ac:dyDescent="0.15">
      <c r="U1600" s="1"/>
    </row>
    <row r="1601" spans="21:21" x14ac:dyDescent="0.15">
      <c r="U1601" s="1"/>
    </row>
    <row r="1602" spans="21:21" x14ac:dyDescent="0.15">
      <c r="U1602" s="1"/>
    </row>
    <row r="1603" spans="21:21" x14ac:dyDescent="0.15">
      <c r="U1603" s="1"/>
    </row>
    <row r="1604" spans="21:21" x14ac:dyDescent="0.15">
      <c r="U1604" s="1"/>
    </row>
    <row r="1605" spans="21:21" x14ac:dyDescent="0.15">
      <c r="U1605" s="1"/>
    </row>
    <row r="1606" spans="21:21" x14ac:dyDescent="0.15">
      <c r="U1606" s="1"/>
    </row>
    <row r="1607" spans="21:21" x14ac:dyDescent="0.15">
      <c r="U1607" s="1"/>
    </row>
    <row r="1608" spans="21:21" x14ac:dyDescent="0.15">
      <c r="U1608" s="1"/>
    </row>
    <row r="1609" spans="21:21" x14ac:dyDescent="0.15">
      <c r="U1609" s="1"/>
    </row>
    <row r="1610" spans="21:21" x14ac:dyDescent="0.15">
      <c r="U1610" s="1"/>
    </row>
    <row r="1611" spans="21:21" x14ac:dyDescent="0.15">
      <c r="U1611" s="1"/>
    </row>
    <row r="1612" spans="21:21" x14ac:dyDescent="0.15">
      <c r="U1612" s="1"/>
    </row>
    <row r="1613" spans="21:21" x14ac:dyDescent="0.15">
      <c r="U1613" s="1"/>
    </row>
    <row r="1614" spans="21:21" x14ac:dyDescent="0.15">
      <c r="U1614" s="1"/>
    </row>
    <row r="1615" spans="21:21" x14ac:dyDescent="0.15">
      <c r="U1615" s="1"/>
    </row>
    <row r="1616" spans="21:21" x14ac:dyDescent="0.15">
      <c r="U1616" s="1"/>
    </row>
    <row r="1617" spans="21:21" x14ac:dyDescent="0.15">
      <c r="U1617" s="1"/>
    </row>
    <row r="1618" spans="21:21" x14ac:dyDescent="0.15">
      <c r="U1618" s="1"/>
    </row>
    <row r="1619" spans="21:21" x14ac:dyDescent="0.15">
      <c r="U1619" s="1"/>
    </row>
    <row r="1620" spans="21:21" x14ac:dyDescent="0.15">
      <c r="U1620" s="1"/>
    </row>
    <row r="1621" spans="21:21" x14ac:dyDescent="0.15">
      <c r="U1621" s="1"/>
    </row>
    <row r="1622" spans="21:21" x14ac:dyDescent="0.15">
      <c r="U1622" s="1"/>
    </row>
    <row r="1623" spans="21:21" x14ac:dyDescent="0.15">
      <c r="U1623" s="1"/>
    </row>
    <row r="1624" spans="21:21" x14ac:dyDescent="0.15">
      <c r="U1624" s="1"/>
    </row>
    <row r="1625" spans="21:21" x14ac:dyDescent="0.15">
      <c r="U1625" s="1"/>
    </row>
    <row r="1626" spans="21:21" x14ac:dyDescent="0.15">
      <c r="U1626" s="1"/>
    </row>
    <row r="1627" spans="21:21" x14ac:dyDescent="0.15">
      <c r="U1627" s="1"/>
    </row>
    <row r="1628" spans="21:21" x14ac:dyDescent="0.15">
      <c r="U1628" s="1"/>
    </row>
    <row r="1629" spans="21:21" x14ac:dyDescent="0.15">
      <c r="U1629" s="1"/>
    </row>
    <row r="1634" spans="21:21" x14ac:dyDescent="0.15">
      <c r="U1634" s="1"/>
    </row>
    <row r="1635" spans="21:21" x14ac:dyDescent="0.15">
      <c r="U1635" s="1"/>
    </row>
    <row r="1636" spans="21:21" x14ac:dyDescent="0.15">
      <c r="U1636" s="1"/>
    </row>
    <row r="1637" spans="21:21" x14ac:dyDescent="0.15">
      <c r="U1637" s="1"/>
    </row>
    <row r="1638" spans="21:21" x14ac:dyDescent="0.15">
      <c r="U1638" s="1"/>
    </row>
    <row r="1639" spans="21:21" x14ac:dyDescent="0.15">
      <c r="U1639" s="1"/>
    </row>
    <row r="1640" spans="21:21" x14ac:dyDescent="0.15">
      <c r="U1640" s="1"/>
    </row>
    <row r="1641" spans="21:21" x14ac:dyDescent="0.15">
      <c r="U1641" s="1"/>
    </row>
    <row r="1642" spans="21:21" x14ac:dyDescent="0.15">
      <c r="U1642" s="1"/>
    </row>
    <row r="1643" spans="21:21" x14ac:dyDescent="0.15">
      <c r="U1643" s="1"/>
    </row>
    <row r="1644" spans="21:21" x14ac:dyDescent="0.15">
      <c r="U1644" s="1"/>
    </row>
    <row r="1645" spans="21:21" x14ac:dyDescent="0.15">
      <c r="U1645" s="1"/>
    </row>
    <row r="1646" spans="21:21" x14ac:dyDescent="0.15">
      <c r="U1646" s="1"/>
    </row>
    <row r="1647" spans="21:21" x14ac:dyDescent="0.15">
      <c r="U1647" s="1"/>
    </row>
    <row r="1648" spans="21:21" x14ac:dyDescent="0.15">
      <c r="U1648" s="1"/>
    </row>
    <row r="1649" spans="21:21" x14ac:dyDescent="0.15">
      <c r="U1649" s="1"/>
    </row>
    <row r="1650" spans="21:21" x14ac:dyDescent="0.15">
      <c r="U1650" s="1"/>
    </row>
    <row r="1651" spans="21:21" x14ac:dyDescent="0.15">
      <c r="U1651" s="1"/>
    </row>
    <row r="1652" spans="21:21" x14ac:dyDescent="0.15">
      <c r="U1652" s="1"/>
    </row>
    <row r="1653" spans="21:21" x14ac:dyDescent="0.15">
      <c r="U1653" s="1"/>
    </row>
    <row r="1654" spans="21:21" x14ac:dyDescent="0.15">
      <c r="U1654" s="1"/>
    </row>
    <row r="1655" spans="21:21" x14ac:dyDescent="0.15">
      <c r="U1655" s="1"/>
    </row>
    <row r="1656" spans="21:21" x14ac:dyDescent="0.15">
      <c r="U1656" s="1"/>
    </row>
    <row r="1657" spans="21:21" x14ac:dyDescent="0.15">
      <c r="U1657" s="1"/>
    </row>
    <row r="1658" spans="21:21" x14ac:dyDescent="0.15">
      <c r="U1658" s="1"/>
    </row>
    <row r="1659" spans="21:21" x14ac:dyDescent="0.15">
      <c r="U1659" s="1"/>
    </row>
    <row r="1660" spans="21:21" x14ac:dyDescent="0.15">
      <c r="U1660" s="1"/>
    </row>
    <row r="1661" spans="21:21" x14ac:dyDescent="0.15">
      <c r="U1661" s="1"/>
    </row>
    <row r="1662" spans="21:21" x14ac:dyDescent="0.15">
      <c r="U1662" s="1"/>
    </row>
    <row r="1663" spans="21:21" x14ac:dyDescent="0.15">
      <c r="U1663" s="1"/>
    </row>
    <row r="1664" spans="21:21" x14ac:dyDescent="0.15">
      <c r="U1664" s="1"/>
    </row>
    <row r="1665" spans="21:21" x14ac:dyDescent="0.15">
      <c r="U1665" s="1"/>
    </row>
    <row r="1666" spans="21:21" x14ac:dyDescent="0.15">
      <c r="U1666" s="1"/>
    </row>
    <row r="1667" spans="21:21" x14ac:dyDescent="0.15">
      <c r="U1667" s="1"/>
    </row>
  </sheetData>
  <phoneticPr fontId="18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5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92</v>
      </c>
      <c r="E1" s="1" t="s">
        <v>2</v>
      </c>
      <c r="F1" s="1" t="s">
        <v>488</v>
      </c>
      <c r="G1" s="1" t="s">
        <v>3</v>
      </c>
      <c r="H1" s="1" t="s">
        <v>48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44513888888888892</v>
      </c>
      <c r="C4" s="1" t="s">
        <v>476</v>
      </c>
      <c r="D4" s="1" t="s">
        <v>27</v>
      </c>
      <c r="E4" s="1" t="s">
        <v>477</v>
      </c>
      <c r="F4" s="1" t="s">
        <v>215</v>
      </c>
      <c r="G4" s="1" t="s">
        <v>166</v>
      </c>
      <c r="J4" s="1" t="s">
        <v>30</v>
      </c>
      <c r="K4" s="1" t="s">
        <v>154</v>
      </c>
      <c r="M4" s="1" t="s">
        <v>91</v>
      </c>
      <c r="N4" s="1" t="s">
        <v>33</v>
      </c>
      <c r="O4" s="1" t="s">
        <v>157</v>
      </c>
      <c r="P4" s="1" t="s">
        <v>35</v>
      </c>
      <c r="Q4" s="1" t="s">
        <v>84</v>
      </c>
      <c r="S4" s="1" t="s">
        <v>131</v>
      </c>
      <c r="U4" s="1">
        <v>10</v>
      </c>
      <c r="V4" s="3">
        <v>2</v>
      </c>
      <c r="W4" s="1" t="s">
        <v>508</v>
      </c>
      <c r="X4" s="1">
        <v>0.56000000000000005</v>
      </c>
      <c r="Y4" s="1">
        <v>4.7E-2</v>
      </c>
      <c r="Z4" s="1">
        <v>1.9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0.27</v>
      </c>
      <c r="BD4" s="1">
        <v>0.32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1.2999999999999999E-2</v>
      </c>
      <c r="BO4" s="1"/>
      <c r="BP4" s="1"/>
      <c r="BQ4" s="1">
        <v>31</v>
      </c>
      <c r="BR4" s="1"/>
      <c r="BS4" s="1"/>
      <c r="BT4" s="1">
        <v>8</v>
      </c>
      <c r="BU4" s="1"/>
      <c r="BV4" s="1"/>
      <c r="BW4" s="1"/>
      <c r="BX4" s="1"/>
      <c r="BY4" s="1"/>
      <c r="BZ4" s="1"/>
    </row>
    <row r="5" spans="1:78" x14ac:dyDescent="0.15">
      <c r="B5" s="2">
        <v>0.44513888888888892</v>
      </c>
      <c r="C5" s="1" t="s">
        <v>478</v>
      </c>
      <c r="D5" s="1" t="s">
        <v>27</v>
      </c>
      <c r="E5" s="1" t="s">
        <v>477</v>
      </c>
      <c r="G5" s="1" t="s">
        <v>147</v>
      </c>
      <c r="J5" s="1" t="s">
        <v>305</v>
      </c>
      <c r="N5" s="1" t="s">
        <v>33</v>
      </c>
      <c r="P5" s="1" t="s">
        <v>35</v>
      </c>
      <c r="Q5" s="1" t="s">
        <v>36</v>
      </c>
      <c r="S5" s="1" t="s">
        <v>57</v>
      </c>
      <c r="U5" s="1">
        <v>7.7</v>
      </c>
      <c r="V5" s="1"/>
      <c r="W5" s="1"/>
      <c r="X5" s="1">
        <v>0.36</v>
      </c>
      <c r="Y5" s="1">
        <v>3.7999999999999999E-2</v>
      </c>
      <c r="Z5" s="1">
        <v>1.1999999999999999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17</v>
      </c>
      <c r="BD5" s="1">
        <v>0.22</v>
      </c>
      <c r="BE5" s="1"/>
      <c r="BF5" s="1"/>
      <c r="BG5" s="1"/>
      <c r="BH5" s="1"/>
      <c r="BI5" s="1"/>
      <c r="BJ5" s="1"/>
      <c r="BK5" s="1"/>
      <c r="BL5" s="1"/>
      <c r="BM5" s="1">
        <v>0.06</v>
      </c>
      <c r="BN5" s="1">
        <v>2.1999999999999999E-2</v>
      </c>
      <c r="BO5" s="1"/>
      <c r="BP5" s="1"/>
      <c r="BQ5" s="1">
        <v>32.72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46527777777777773</v>
      </c>
      <c r="C6" s="1" t="s">
        <v>476</v>
      </c>
      <c r="D6" s="1" t="s">
        <v>43</v>
      </c>
      <c r="E6" s="1" t="s">
        <v>44</v>
      </c>
      <c r="F6" s="1" t="s">
        <v>139</v>
      </c>
      <c r="G6" s="1" t="s">
        <v>56</v>
      </c>
      <c r="J6" s="1" t="s">
        <v>30</v>
      </c>
      <c r="K6" s="1" t="s">
        <v>228</v>
      </c>
      <c r="M6" s="1" t="s">
        <v>125</v>
      </c>
      <c r="N6" s="1" t="s">
        <v>33</v>
      </c>
      <c r="O6" s="1" t="s">
        <v>157</v>
      </c>
      <c r="P6" s="1" t="s">
        <v>35</v>
      </c>
      <c r="Q6" s="1" t="s">
        <v>63</v>
      </c>
      <c r="S6" s="1" t="s">
        <v>141</v>
      </c>
      <c r="U6" s="1">
        <v>8.9</v>
      </c>
      <c r="V6" s="3">
        <v>2300</v>
      </c>
      <c r="W6" s="1" t="s">
        <v>508</v>
      </c>
      <c r="X6" s="1">
        <v>0.81</v>
      </c>
      <c r="Y6" s="1">
        <v>5.0999999999999997E-2</v>
      </c>
      <c r="Z6" s="1">
        <v>2.3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3</v>
      </c>
      <c r="BC6" s="1">
        <v>0.37</v>
      </c>
      <c r="BD6" s="1">
        <v>0.42</v>
      </c>
      <c r="BE6" s="1"/>
      <c r="BF6" s="1"/>
      <c r="BG6" s="1"/>
      <c r="BH6" s="1"/>
      <c r="BI6" s="1"/>
      <c r="BJ6" s="1"/>
      <c r="BK6" s="1"/>
      <c r="BL6" s="1"/>
      <c r="BM6" s="1">
        <v>7.0000000000000007E-2</v>
      </c>
      <c r="BN6" s="1">
        <v>3.6999999999999998E-2</v>
      </c>
      <c r="BO6" s="1"/>
      <c r="BP6" s="1"/>
      <c r="BQ6" s="1">
        <v>28.62</v>
      </c>
      <c r="BR6" s="1"/>
      <c r="BS6" s="1"/>
      <c r="BT6" s="1">
        <v>8</v>
      </c>
      <c r="BU6" s="1"/>
      <c r="BV6" s="1"/>
      <c r="BW6" s="1"/>
      <c r="BX6" s="1"/>
      <c r="BY6" s="1"/>
      <c r="BZ6" s="1"/>
    </row>
    <row r="7" spans="1:78" x14ac:dyDescent="0.15">
      <c r="B7" s="2">
        <v>0.46527777777777773</v>
      </c>
      <c r="C7" s="1" t="s">
        <v>478</v>
      </c>
      <c r="D7" s="1" t="s">
        <v>43</v>
      </c>
      <c r="E7" s="1" t="s">
        <v>44</v>
      </c>
      <c r="G7" s="1" t="s">
        <v>45</v>
      </c>
      <c r="J7" s="1" t="s">
        <v>346</v>
      </c>
      <c r="N7" s="1" t="s">
        <v>33</v>
      </c>
      <c r="P7" s="1" t="s">
        <v>35</v>
      </c>
      <c r="Q7" s="1" t="s">
        <v>36</v>
      </c>
      <c r="S7" s="1" t="s">
        <v>201</v>
      </c>
      <c r="U7" s="1">
        <v>7.4</v>
      </c>
      <c r="V7" s="1"/>
      <c r="W7" s="1"/>
      <c r="X7" s="1">
        <v>0.31</v>
      </c>
      <c r="Y7" s="1">
        <v>3.3000000000000002E-2</v>
      </c>
      <c r="Z7" s="1">
        <v>3.8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15</v>
      </c>
      <c r="BD7" s="1">
        <v>0.2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2.5000000000000001E-2</v>
      </c>
      <c r="BO7" s="1"/>
      <c r="BP7" s="1"/>
      <c r="BQ7" s="1">
        <v>33.409999999999997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43541666666666662</v>
      </c>
      <c r="C8" s="1" t="s">
        <v>476</v>
      </c>
      <c r="D8" s="1" t="s">
        <v>51</v>
      </c>
      <c r="E8" s="1" t="s">
        <v>477</v>
      </c>
      <c r="F8" s="1" t="s">
        <v>28</v>
      </c>
      <c r="G8" s="1" t="s">
        <v>324</v>
      </c>
      <c r="J8" s="1" t="s">
        <v>30</v>
      </c>
      <c r="K8" s="1" t="s">
        <v>338</v>
      </c>
      <c r="M8" s="1" t="s">
        <v>32</v>
      </c>
      <c r="N8" s="1" t="s">
        <v>33</v>
      </c>
      <c r="O8" s="1" t="s">
        <v>157</v>
      </c>
      <c r="P8" s="1" t="s">
        <v>35</v>
      </c>
      <c r="Q8" s="1" t="s">
        <v>174</v>
      </c>
      <c r="S8" s="1" t="s">
        <v>207</v>
      </c>
      <c r="U8" s="1">
        <v>11.3</v>
      </c>
      <c r="V8" s="1" t="s">
        <v>515</v>
      </c>
      <c r="W8" s="1" t="s">
        <v>508</v>
      </c>
      <c r="X8" s="1">
        <v>0.36</v>
      </c>
      <c r="Y8" s="1">
        <v>3.9E-2</v>
      </c>
      <c r="Z8" s="1">
        <v>1.2999999999999999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0</v>
      </c>
      <c r="BC8" s="1" t="s">
        <v>51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 t="s">
        <v>518</v>
      </c>
      <c r="BO8" s="1"/>
      <c r="BP8" s="1"/>
      <c r="BQ8" s="1">
        <v>29.93</v>
      </c>
      <c r="BR8" s="1"/>
      <c r="BS8" s="1"/>
      <c r="BT8" s="1">
        <v>19</v>
      </c>
      <c r="BU8" s="1"/>
      <c r="BV8" s="1"/>
      <c r="BW8" s="1"/>
      <c r="BX8" s="1"/>
      <c r="BY8" s="1"/>
      <c r="BZ8" s="1"/>
    </row>
    <row r="9" spans="1:78" x14ac:dyDescent="0.15">
      <c r="B9" s="2">
        <v>0.43541666666666662</v>
      </c>
      <c r="C9" s="1" t="s">
        <v>478</v>
      </c>
      <c r="D9" s="1" t="s">
        <v>51</v>
      </c>
      <c r="E9" s="1" t="s">
        <v>477</v>
      </c>
      <c r="G9" s="1" t="s">
        <v>112</v>
      </c>
      <c r="J9" s="1" t="s">
        <v>272</v>
      </c>
      <c r="N9" s="1" t="s">
        <v>33</v>
      </c>
      <c r="P9" s="1" t="s">
        <v>35</v>
      </c>
      <c r="Q9" s="1" t="s">
        <v>36</v>
      </c>
      <c r="S9" s="1" t="s">
        <v>301</v>
      </c>
      <c r="U9" s="1">
        <v>5.9</v>
      </c>
      <c r="V9" s="1"/>
      <c r="W9" s="1"/>
      <c r="X9" s="1">
        <v>0.22</v>
      </c>
      <c r="Y9" s="1">
        <v>0.03</v>
      </c>
      <c r="Z9" s="1">
        <v>1.1000000000000001E-3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2</v>
      </c>
      <c r="BC9" s="1">
        <v>7.0000000000000007E-2</v>
      </c>
      <c r="BD9" s="1">
        <v>0.12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2.3E-2</v>
      </c>
      <c r="BO9" s="1"/>
      <c r="BP9" s="1"/>
      <c r="BQ9" s="1">
        <v>34.11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5833333333333331</v>
      </c>
      <c r="C10" s="1" t="s">
        <v>476</v>
      </c>
      <c r="D10" s="1" t="s">
        <v>27</v>
      </c>
      <c r="E10" s="1" t="s">
        <v>477</v>
      </c>
      <c r="F10" s="1" t="s">
        <v>60</v>
      </c>
      <c r="G10" s="1" t="s">
        <v>229</v>
      </c>
      <c r="J10" s="1" t="s">
        <v>30</v>
      </c>
      <c r="K10" s="1" t="s">
        <v>272</v>
      </c>
      <c r="M10" s="1" t="s">
        <v>170</v>
      </c>
      <c r="N10" s="1" t="s">
        <v>74</v>
      </c>
      <c r="O10" s="1" t="s">
        <v>221</v>
      </c>
      <c r="P10" s="1" t="s">
        <v>35</v>
      </c>
      <c r="Q10" s="1" t="s">
        <v>63</v>
      </c>
      <c r="S10" s="1" t="s">
        <v>116</v>
      </c>
      <c r="U10" s="1">
        <v>10.8</v>
      </c>
      <c r="V10" s="1" t="s">
        <v>515</v>
      </c>
      <c r="W10" s="1" t="s">
        <v>508</v>
      </c>
      <c r="X10" s="1">
        <v>0.35</v>
      </c>
      <c r="Y10" s="1">
        <v>0.04</v>
      </c>
      <c r="Z10" s="1">
        <v>1.6000000000000001E-3</v>
      </c>
      <c r="AA10" s="1" t="s">
        <v>555</v>
      </c>
      <c r="AB10" s="1" t="s">
        <v>52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>
        <v>0.03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1E-3</v>
      </c>
      <c r="BO10" s="1"/>
      <c r="BP10" s="1"/>
      <c r="BQ10" s="1">
        <v>30.54</v>
      </c>
      <c r="BR10" s="1" t="s">
        <v>531</v>
      </c>
      <c r="BS10" s="1" t="s">
        <v>511</v>
      </c>
      <c r="BT10" s="1">
        <v>27</v>
      </c>
      <c r="BU10" s="1"/>
      <c r="BV10" s="1"/>
      <c r="BW10" s="1"/>
      <c r="BX10" s="1"/>
      <c r="BY10" s="1"/>
      <c r="BZ10" s="1"/>
    </row>
    <row r="11" spans="1:78" x14ac:dyDescent="0.15">
      <c r="B11" s="2">
        <v>0.45833333333333331</v>
      </c>
      <c r="C11" s="1" t="s">
        <v>478</v>
      </c>
      <c r="D11" s="1" t="s">
        <v>27</v>
      </c>
      <c r="E11" s="1" t="s">
        <v>477</v>
      </c>
      <c r="G11" s="1" t="s">
        <v>314</v>
      </c>
      <c r="J11" s="1" t="s">
        <v>312</v>
      </c>
      <c r="N11" s="1" t="s">
        <v>74</v>
      </c>
      <c r="P11" s="1" t="s">
        <v>35</v>
      </c>
      <c r="Q11" s="1" t="s">
        <v>40</v>
      </c>
      <c r="S11" s="1" t="s">
        <v>156</v>
      </c>
      <c r="U11" s="1">
        <v>4.8</v>
      </c>
      <c r="V11" s="1"/>
      <c r="W11" s="1"/>
      <c r="X11" s="1">
        <v>0.33</v>
      </c>
      <c r="Y11" s="1">
        <v>4.5999999999999999E-2</v>
      </c>
      <c r="Z11" s="1">
        <v>6.9999999999999999E-4</v>
      </c>
      <c r="AA11" s="1" t="s">
        <v>555</v>
      </c>
      <c r="AB11" s="1" t="s">
        <v>52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2</v>
      </c>
      <c r="BC11" s="1">
        <v>0.12</v>
      </c>
      <c r="BD11" s="1">
        <v>0.17</v>
      </c>
      <c r="BE11" s="1"/>
      <c r="BF11" s="1"/>
      <c r="BG11" s="1"/>
      <c r="BH11" s="1"/>
      <c r="BI11" s="1"/>
      <c r="BJ11" s="1"/>
      <c r="BK11" s="1"/>
      <c r="BL11" s="1"/>
      <c r="BM11" s="1">
        <v>0.06</v>
      </c>
      <c r="BN11" s="1">
        <v>3.6999999999999998E-2</v>
      </c>
      <c r="BO11" s="1"/>
      <c r="BP11" s="1"/>
      <c r="BQ11" s="1">
        <v>33.44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5833333333333331</v>
      </c>
      <c r="C12" s="1" t="s">
        <v>553</v>
      </c>
      <c r="D12" s="1" t="s">
        <v>27</v>
      </c>
      <c r="E12" s="1" t="s">
        <v>477</v>
      </c>
      <c r="J12" s="1" t="s">
        <v>279</v>
      </c>
      <c r="N12" s="1" t="s">
        <v>74</v>
      </c>
      <c r="U12" s="1"/>
      <c r="V12" s="1"/>
      <c r="W12" s="1"/>
      <c r="X12" s="1"/>
      <c r="Y12" s="1"/>
      <c r="Z12" s="1"/>
      <c r="AA12" s="1"/>
      <c r="AB12" s="1"/>
      <c r="AC12" s="1" t="s">
        <v>509</v>
      </c>
      <c r="AD12" s="1" t="s">
        <v>510</v>
      </c>
      <c r="AE12" s="1">
        <v>5.0000000000000001E-4</v>
      </c>
      <c r="AF12" s="1" t="s">
        <v>512</v>
      </c>
      <c r="AG12" s="1" t="s">
        <v>511</v>
      </c>
      <c r="AH12" s="1" t="s">
        <v>513</v>
      </c>
      <c r="AI12" s="1"/>
      <c r="AJ12" s="1" t="s">
        <v>513</v>
      </c>
      <c r="AK12" s="1" t="s">
        <v>514</v>
      </c>
      <c r="AL12" s="1" t="s">
        <v>514</v>
      </c>
      <c r="AM12" s="1" t="s">
        <v>514</v>
      </c>
      <c r="AN12" s="1" t="s">
        <v>514</v>
      </c>
      <c r="AO12" s="1" t="s">
        <v>514</v>
      </c>
      <c r="AP12" t="s">
        <v>514</v>
      </c>
      <c r="AQ12" s="1" t="s">
        <v>514</v>
      </c>
      <c r="AR12" s="1" t="s">
        <v>514</v>
      </c>
      <c r="AS12" s="1" t="s">
        <v>514</v>
      </c>
      <c r="AT12" s="1" t="s">
        <v>517</v>
      </c>
      <c r="AU12" s="1" t="s">
        <v>513</v>
      </c>
      <c r="AV12" s="1" t="s">
        <v>509</v>
      </c>
      <c r="AW12" s="1" t="s">
        <v>509</v>
      </c>
      <c r="AX12" s="1" t="s">
        <v>514</v>
      </c>
      <c r="AY12" s="1" t="s">
        <v>523</v>
      </c>
      <c r="AZ12" s="1"/>
      <c r="BA12" s="1"/>
      <c r="BB12" s="1"/>
      <c r="BC12" s="1"/>
      <c r="BD12" s="1"/>
      <c r="BE12" s="1" t="s">
        <v>511</v>
      </c>
      <c r="BF12" s="1" t="s">
        <v>511</v>
      </c>
      <c r="BG12" s="1">
        <v>8.0000000000000004E-4</v>
      </c>
      <c r="BH12" s="1" t="s">
        <v>512</v>
      </c>
      <c r="BI12" s="1" t="s">
        <v>510</v>
      </c>
      <c r="BJ12" s="1"/>
      <c r="BK12" s="1" t="s">
        <v>513</v>
      </c>
      <c r="BL12" s="1" t="s">
        <v>518</v>
      </c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54375000000000007</v>
      </c>
      <c r="C13" s="1" t="s">
        <v>476</v>
      </c>
      <c r="D13" s="1" t="s">
        <v>27</v>
      </c>
      <c r="E13" s="1" t="s">
        <v>70</v>
      </c>
      <c r="F13" s="1" t="s">
        <v>347</v>
      </c>
      <c r="G13" s="1" t="s">
        <v>151</v>
      </c>
      <c r="J13" s="1" t="s">
        <v>30</v>
      </c>
      <c r="K13" s="1" t="s">
        <v>313</v>
      </c>
      <c r="M13" s="1" t="s">
        <v>149</v>
      </c>
      <c r="N13" s="1" t="s">
        <v>33</v>
      </c>
      <c r="O13" s="1" t="s">
        <v>157</v>
      </c>
      <c r="P13" s="1" t="s">
        <v>35</v>
      </c>
      <c r="Q13" s="1" t="s">
        <v>55</v>
      </c>
      <c r="S13" s="1" t="s">
        <v>259</v>
      </c>
      <c r="U13" s="1">
        <v>8.3000000000000007</v>
      </c>
      <c r="V13" s="3">
        <v>33</v>
      </c>
      <c r="W13" s="1" t="s">
        <v>508</v>
      </c>
      <c r="X13" s="1">
        <v>0.44</v>
      </c>
      <c r="Y13" s="1">
        <v>5.0999999999999997E-2</v>
      </c>
      <c r="Z13" s="1">
        <v>3.2000000000000002E-3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 t="s">
        <v>518</v>
      </c>
      <c r="BO13" s="1"/>
      <c r="BP13" s="1"/>
      <c r="BQ13" s="1">
        <v>29.95</v>
      </c>
      <c r="BR13" s="1"/>
      <c r="BS13" s="1"/>
      <c r="BT13" s="1">
        <v>14</v>
      </c>
      <c r="BU13" s="1"/>
      <c r="BV13" s="1"/>
      <c r="BW13" s="1"/>
      <c r="BX13" s="1"/>
      <c r="BY13" s="1"/>
      <c r="BZ13" s="1"/>
    </row>
    <row r="14" spans="1:78" x14ac:dyDescent="0.15">
      <c r="B14" s="2">
        <v>0.54375000000000007</v>
      </c>
      <c r="C14" s="1" t="s">
        <v>478</v>
      </c>
      <c r="D14" s="1" t="s">
        <v>27</v>
      </c>
      <c r="E14" s="1" t="s">
        <v>70</v>
      </c>
      <c r="G14" s="1" t="s">
        <v>348</v>
      </c>
      <c r="J14" s="1" t="s">
        <v>317</v>
      </c>
      <c r="N14" s="1" t="s">
        <v>33</v>
      </c>
      <c r="P14" s="1" t="s">
        <v>35</v>
      </c>
      <c r="Q14" s="1" t="s">
        <v>93</v>
      </c>
      <c r="S14" s="1" t="s">
        <v>163</v>
      </c>
      <c r="U14" s="1">
        <v>3.6</v>
      </c>
      <c r="V14" s="1"/>
      <c r="W14" s="1"/>
      <c r="X14" s="1">
        <v>0.41</v>
      </c>
      <c r="Y14" s="1">
        <v>8.3000000000000004E-2</v>
      </c>
      <c r="Z14" s="1">
        <v>6.1000000000000004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16</v>
      </c>
      <c r="BD14" s="1">
        <v>0.21</v>
      </c>
      <c r="BE14" s="1"/>
      <c r="BF14" s="1"/>
      <c r="BG14" s="1"/>
      <c r="BH14" s="1"/>
      <c r="BI14" s="1"/>
      <c r="BJ14" s="1"/>
      <c r="BK14" s="1"/>
      <c r="BL14" s="1"/>
      <c r="BM14" s="1">
        <v>7.0000000000000007E-2</v>
      </c>
      <c r="BN14" s="1">
        <v>6.6000000000000003E-2</v>
      </c>
      <c r="BO14" s="1"/>
      <c r="BP14" s="1"/>
      <c r="BQ14" s="1">
        <v>33.54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54375000000000007</v>
      </c>
      <c r="C15" s="1" t="s">
        <v>553</v>
      </c>
      <c r="D15" s="1" t="s">
        <v>27</v>
      </c>
      <c r="E15" s="1" t="s">
        <v>70</v>
      </c>
      <c r="J15" s="1" t="s">
        <v>267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44236111111111115</v>
      </c>
      <c r="C16" s="1" t="s">
        <v>476</v>
      </c>
      <c r="D16" s="1" t="s">
        <v>43</v>
      </c>
      <c r="E16" s="1" t="s">
        <v>477</v>
      </c>
      <c r="F16" s="1" t="s">
        <v>349</v>
      </c>
      <c r="G16" s="1" t="s">
        <v>272</v>
      </c>
      <c r="J16" s="1" t="s">
        <v>30</v>
      </c>
      <c r="K16" s="1" t="s">
        <v>272</v>
      </c>
      <c r="M16" s="1" t="s">
        <v>49</v>
      </c>
      <c r="N16" s="1" t="s">
        <v>33</v>
      </c>
      <c r="O16" s="1" t="s">
        <v>208</v>
      </c>
      <c r="P16" s="1" t="s">
        <v>35</v>
      </c>
      <c r="Q16" s="1" t="s">
        <v>36</v>
      </c>
      <c r="S16" s="1" t="s">
        <v>32</v>
      </c>
      <c r="U16" s="1">
        <v>6.2</v>
      </c>
      <c r="V16" s="3">
        <v>5</v>
      </c>
      <c r="W16" s="1" t="s">
        <v>508</v>
      </c>
      <c r="X16" s="1">
        <v>0.5</v>
      </c>
      <c r="Y16" s="1">
        <v>7.1999999999999995E-2</v>
      </c>
      <c r="Z16" s="1">
        <v>3.5000000000000001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0.12</v>
      </c>
      <c r="BD16" s="1">
        <v>0.17</v>
      </c>
      <c r="BE16" s="1"/>
      <c r="BF16" s="1"/>
      <c r="BG16" s="1"/>
      <c r="BH16" s="1"/>
      <c r="BI16" s="1"/>
      <c r="BJ16" s="1"/>
      <c r="BK16" s="1"/>
      <c r="BL16" s="1"/>
      <c r="BM16" s="1">
        <v>0.04</v>
      </c>
      <c r="BN16" s="1">
        <v>0.05</v>
      </c>
      <c r="BO16" s="1"/>
      <c r="BP16" s="1"/>
      <c r="BQ16" s="1">
        <v>31.29</v>
      </c>
      <c r="BR16" s="1"/>
      <c r="BS16" s="1"/>
      <c r="BT16" s="1">
        <v>5.2</v>
      </c>
      <c r="BU16" s="1"/>
      <c r="BV16" s="1"/>
      <c r="BW16" s="1"/>
      <c r="BX16" s="1"/>
      <c r="BY16" s="1"/>
      <c r="BZ16" s="1"/>
    </row>
    <row r="17" spans="1:78" x14ac:dyDescent="0.15">
      <c r="B17" s="2">
        <v>0.44236111111111115</v>
      </c>
      <c r="C17" s="1" t="s">
        <v>478</v>
      </c>
      <c r="D17" s="1" t="s">
        <v>43</v>
      </c>
      <c r="E17" s="1" t="s">
        <v>477</v>
      </c>
      <c r="G17" s="1" t="s">
        <v>312</v>
      </c>
      <c r="J17" s="1" t="s">
        <v>312</v>
      </c>
      <c r="N17" s="1" t="s">
        <v>33</v>
      </c>
      <c r="P17" s="1" t="s">
        <v>35</v>
      </c>
      <c r="Q17" s="1" t="s">
        <v>93</v>
      </c>
      <c r="S17" s="1" t="s">
        <v>104</v>
      </c>
      <c r="U17" s="1">
        <v>4.2</v>
      </c>
      <c r="V17" s="1"/>
      <c r="W17" s="1"/>
      <c r="X17" s="1">
        <v>0.39</v>
      </c>
      <c r="Y17" s="1">
        <v>8.5999999999999993E-2</v>
      </c>
      <c r="Z17" s="1">
        <v>3.0999999999999999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13</v>
      </c>
      <c r="BD17" s="1">
        <v>0.18</v>
      </c>
      <c r="BE17" s="1"/>
      <c r="BF17" s="1"/>
      <c r="BG17" s="1"/>
      <c r="BH17" s="1"/>
      <c r="BI17" s="1"/>
      <c r="BJ17" s="1"/>
      <c r="BK17" s="1"/>
      <c r="BL17" s="1"/>
      <c r="BM17" s="1">
        <v>7.0000000000000007E-2</v>
      </c>
      <c r="BN17" s="1">
        <v>6.5000000000000002E-2</v>
      </c>
      <c r="BO17" s="1"/>
      <c r="BP17" s="1"/>
      <c r="BQ17" s="1">
        <v>32.2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4236111111111115</v>
      </c>
      <c r="C18" s="1" t="s">
        <v>553</v>
      </c>
      <c r="D18" s="1" t="s">
        <v>43</v>
      </c>
      <c r="E18" s="1" t="s">
        <v>477</v>
      </c>
      <c r="J18" s="1" t="s">
        <v>279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4166666666666665</v>
      </c>
      <c r="C19" s="1" t="s">
        <v>476</v>
      </c>
      <c r="D19" s="1" t="s">
        <v>27</v>
      </c>
      <c r="E19" s="1" t="s">
        <v>70</v>
      </c>
      <c r="F19" s="1" t="s">
        <v>161</v>
      </c>
      <c r="G19" s="1" t="s">
        <v>65</v>
      </c>
      <c r="J19" s="1" t="s">
        <v>30</v>
      </c>
      <c r="K19" s="1" t="s">
        <v>342</v>
      </c>
      <c r="M19" s="1" t="s">
        <v>169</v>
      </c>
      <c r="N19" s="1" t="s">
        <v>33</v>
      </c>
      <c r="O19" s="1" t="s">
        <v>157</v>
      </c>
      <c r="P19" s="1" t="s">
        <v>35</v>
      </c>
      <c r="Q19" s="1" t="s">
        <v>40</v>
      </c>
      <c r="S19" s="1" t="s">
        <v>41</v>
      </c>
      <c r="U19" s="1">
        <v>7.2</v>
      </c>
      <c r="V19" s="3">
        <v>110</v>
      </c>
      <c r="W19" s="1" t="s">
        <v>508</v>
      </c>
      <c r="X19" s="1">
        <v>0.91</v>
      </c>
      <c r="Y19" s="1">
        <v>7.4999999999999997E-2</v>
      </c>
      <c r="Z19" s="1">
        <v>2.7000000000000001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52</v>
      </c>
      <c r="BD19" s="1">
        <v>0.56999999999999995</v>
      </c>
      <c r="BE19" s="1"/>
      <c r="BF19" s="1"/>
      <c r="BG19" s="1"/>
      <c r="BH19" s="1"/>
      <c r="BI19" s="1"/>
      <c r="BJ19" s="1"/>
      <c r="BK19" s="1"/>
      <c r="BL19" s="1"/>
      <c r="BM19" s="1">
        <v>0.11</v>
      </c>
      <c r="BN19" s="1">
        <v>6.7000000000000004E-2</v>
      </c>
      <c r="BO19" s="1"/>
      <c r="BP19" s="1"/>
      <c r="BQ19" s="1">
        <v>24.9</v>
      </c>
      <c r="BR19" s="1"/>
      <c r="BS19" s="1"/>
      <c r="BT19" s="1">
        <v>3.1</v>
      </c>
      <c r="BU19" s="1"/>
      <c r="BV19" s="1"/>
      <c r="BW19" s="1"/>
      <c r="BX19" s="1"/>
      <c r="BY19" s="1"/>
      <c r="BZ19" s="1"/>
    </row>
    <row r="20" spans="1:78" x14ac:dyDescent="0.15">
      <c r="B20" s="2">
        <v>0.44166666666666665</v>
      </c>
      <c r="C20" s="1" t="s">
        <v>478</v>
      </c>
      <c r="D20" s="1" t="s">
        <v>27</v>
      </c>
      <c r="E20" s="1" t="s">
        <v>70</v>
      </c>
      <c r="G20" s="1" t="s">
        <v>276</v>
      </c>
      <c r="J20" s="1" t="s">
        <v>303</v>
      </c>
      <c r="N20" s="1" t="s">
        <v>33</v>
      </c>
      <c r="P20" s="1" t="s">
        <v>35</v>
      </c>
      <c r="Q20" s="1" t="s">
        <v>40</v>
      </c>
      <c r="S20" s="1" t="s">
        <v>62</v>
      </c>
      <c r="U20" s="1">
        <v>4.5</v>
      </c>
      <c r="V20" s="1"/>
      <c r="W20" s="1"/>
      <c r="X20" s="1">
        <v>0.33</v>
      </c>
      <c r="Y20" s="1">
        <v>0.05</v>
      </c>
      <c r="Z20" s="1">
        <v>8.9999999999999998E-4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17</v>
      </c>
      <c r="BD20" s="1">
        <v>0.22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0.04</v>
      </c>
      <c r="BO20" s="1"/>
      <c r="BP20" s="1"/>
      <c r="BQ20" s="1">
        <v>32.9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4166666666666665</v>
      </c>
      <c r="C21" s="1" t="s">
        <v>553</v>
      </c>
      <c r="D21" s="1" t="s">
        <v>27</v>
      </c>
      <c r="E21" s="1" t="s">
        <v>70</v>
      </c>
      <c r="J21" s="1" t="s">
        <v>194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48749999999999999</v>
      </c>
      <c r="C22" s="1" t="s">
        <v>476</v>
      </c>
      <c r="D22" s="1" t="s">
        <v>43</v>
      </c>
      <c r="E22" s="1" t="s">
        <v>44</v>
      </c>
      <c r="F22" s="1" t="s">
        <v>108</v>
      </c>
      <c r="G22" s="1" t="s">
        <v>337</v>
      </c>
      <c r="J22" s="1" t="s">
        <v>30</v>
      </c>
      <c r="K22" s="1" t="s">
        <v>307</v>
      </c>
      <c r="M22" s="1" t="s">
        <v>179</v>
      </c>
      <c r="N22" s="1" t="s">
        <v>33</v>
      </c>
      <c r="O22" s="1" t="s">
        <v>208</v>
      </c>
      <c r="P22" s="1" t="s">
        <v>35</v>
      </c>
      <c r="Q22" s="1" t="s">
        <v>84</v>
      </c>
      <c r="S22" s="1" t="s">
        <v>126</v>
      </c>
      <c r="U22" s="1">
        <v>8.6</v>
      </c>
      <c r="V22" s="3">
        <v>130</v>
      </c>
      <c r="W22" s="1" t="s">
        <v>508</v>
      </c>
      <c r="X22" s="1">
        <v>0.54</v>
      </c>
      <c r="Y22" s="1">
        <v>5.6000000000000001E-2</v>
      </c>
      <c r="Z22" s="1">
        <v>4.3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2</v>
      </c>
      <c r="BC22" s="1">
        <v>0.25</v>
      </c>
      <c r="BD22" s="1">
        <v>0.3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0.03</v>
      </c>
      <c r="BO22" s="1"/>
      <c r="BP22" s="1"/>
      <c r="BQ22" s="1">
        <v>31.44</v>
      </c>
      <c r="BR22" s="1"/>
      <c r="BS22" s="1"/>
      <c r="BT22" s="1">
        <v>6.5</v>
      </c>
      <c r="BU22" s="1"/>
      <c r="BV22" s="1"/>
      <c r="BW22" s="1"/>
      <c r="BX22" s="1"/>
      <c r="BY22" s="1"/>
      <c r="BZ22" s="1"/>
    </row>
    <row r="23" spans="1:78" x14ac:dyDescent="0.15">
      <c r="B23" s="2">
        <v>0.48749999999999999</v>
      </c>
      <c r="C23" s="1" t="s">
        <v>478</v>
      </c>
      <c r="D23" s="1" t="s">
        <v>43</v>
      </c>
      <c r="E23" s="1" t="s">
        <v>44</v>
      </c>
      <c r="G23" s="1" t="s">
        <v>102</v>
      </c>
      <c r="J23" s="1" t="s">
        <v>223</v>
      </c>
      <c r="N23" s="1" t="s">
        <v>33</v>
      </c>
      <c r="P23" s="1" t="s">
        <v>35</v>
      </c>
      <c r="Q23" s="1" t="s">
        <v>36</v>
      </c>
      <c r="S23" s="1" t="s">
        <v>201</v>
      </c>
      <c r="U23" s="1">
        <v>6.5</v>
      </c>
      <c r="V23" s="1"/>
      <c r="W23" s="1"/>
      <c r="X23" s="1">
        <v>0.28999999999999998</v>
      </c>
      <c r="Y23" s="1">
        <v>3.5999999999999997E-2</v>
      </c>
      <c r="Z23" s="1">
        <v>3.0000000000000001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1</v>
      </c>
      <c r="BC23" s="1">
        <v>0.11</v>
      </c>
      <c r="BD23" s="1">
        <v>0.16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2.7E-2</v>
      </c>
      <c r="BO23" s="1"/>
      <c r="BP23" s="1"/>
      <c r="BQ23" s="1">
        <v>33.42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8749999999999999</v>
      </c>
      <c r="C24" s="1" t="s">
        <v>553</v>
      </c>
      <c r="D24" s="1" t="s">
        <v>43</v>
      </c>
      <c r="E24" s="1" t="s">
        <v>44</v>
      </c>
      <c r="J24" s="1" t="s">
        <v>210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4458333333333333</v>
      </c>
      <c r="C25" s="1" t="s">
        <v>476</v>
      </c>
      <c r="D25" s="1" t="s">
        <v>43</v>
      </c>
      <c r="E25" s="1" t="s">
        <v>107</v>
      </c>
      <c r="F25" s="1" t="s">
        <v>90</v>
      </c>
      <c r="G25" s="1" t="s">
        <v>98</v>
      </c>
      <c r="J25" s="1" t="s">
        <v>30</v>
      </c>
      <c r="K25" s="1" t="s">
        <v>350</v>
      </c>
      <c r="M25" s="1" t="s">
        <v>141</v>
      </c>
      <c r="N25" s="1" t="s">
        <v>33</v>
      </c>
      <c r="O25" s="1" t="s">
        <v>208</v>
      </c>
      <c r="P25" s="1" t="s">
        <v>35</v>
      </c>
      <c r="Q25" s="1" t="s">
        <v>36</v>
      </c>
      <c r="S25" s="1" t="s">
        <v>57</v>
      </c>
      <c r="U25" s="1">
        <v>8</v>
      </c>
      <c r="V25" s="3">
        <v>79</v>
      </c>
      <c r="W25" s="1" t="s">
        <v>508</v>
      </c>
      <c r="X25" s="1">
        <v>0.67</v>
      </c>
      <c r="Y25" s="1">
        <v>5.6000000000000001E-2</v>
      </c>
      <c r="Z25" s="1">
        <v>3.3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3</v>
      </c>
      <c r="BC25" s="1">
        <v>0.27</v>
      </c>
      <c r="BD25" s="1">
        <v>0.32</v>
      </c>
      <c r="BE25" s="1"/>
      <c r="BF25" s="1"/>
      <c r="BG25" s="1"/>
      <c r="BH25" s="1"/>
      <c r="BI25" s="1"/>
      <c r="BJ25" s="1"/>
      <c r="BK25" s="1"/>
      <c r="BL25" s="1"/>
      <c r="BM25" s="1">
        <v>0.11</v>
      </c>
      <c r="BN25" s="1">
        <v>4.1000000000000002E-2</v>
      </c>
      <c r="BO25" s="1"/>
      <c r="BP25" s="1"/>
      <c r="BQ25" s="1">
        <v>31.14</v>
      </c>
      <c r="BR25" s="1"/>
      <c r="BS25" s="1"/>
      <c r="BT25" s="1">
        <v>3</v>
      </c>
      <c r="BU25" s="1"/>
      <c r="BV25" s="1"/>
      <c r="BW25" s="1"/>
      <c r="BX25" s="1"/>
      <c r="BY25" s="1"/>
      <c r="BZ25" s="1"/>
    </row>
    <row r="26" spans="1:78" x14ac:dyDescent="0.15">
      <c r="B26" s="2">
        <v>0.4458333333333333</v>
      </c>
      <c r="C26" s="1" t="s">
        <v>478</v>
      </c>
      <c r="D26" s="1" t="s">
        <v>43</v>
      </c>
      <c r="E26" s="1" t="s">
        <v>107</v>
      </c>
      <c r="G26" s="1" t="s">
        <v>136</v>
      </c>
      <c r="J26" s="1" t="s">
        <v>249</v>
      </c>
      <c r="N26" s="1" t="s">
        <v>33</v>
      </c>
      <c r="P26" s="1" t="s">
        <v>35</v>
      </c>
      <c r="Q26" s="1" t="s">
        <v>40</v>
      </c>
      <c r="S26" s="1" t="s">
        <v>286</v>
      </c>
      <c r="U26" s="1">
        <v>6.4</v>
      </c>
      <c r="V26" s="1"/>
      <c r="W26" s="1"/>
      <c r="X26" s="1">
        <v>0.28999999999999998</v>
      </c>
      <c r="Y26" s="1">
        <v>3.6999999999999998E-2</v>
      </c>
      <c r="Z26" s="1">
        <v>1.6999999999999999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09</v>
      </c>
      <c r="BD26" s="1">
        <v>0.14000000000000001</v>
      </c>
      <c r="BE26" s="1"/>
      <c r="BF26" s="1"/>
      <c r="BG26" s="1"/>
      <c r="BH26" s="1"/>
      <c r="BI26" s="1"/>
      <c r="BJ26" s="1"/>
      <c r="BK26" s="1"/>
      <c r="BL26" s="1"/>
      <c r="BM26" s="1">
        <v>0.04</v>
      </c>
      <c r="BN26" s="1">
        <v>2.5000000000000001E-2</v>
      </c>
      <c r="BO26" s="1"/>
      <c r="BP26" s="1"/>
      <c r="BQ26" s="1">
        <v>33.5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458333333333333</v>
      </c>
      <c r="C27" s="1" t="s">
        <v>553</v>
      </c>
      <c r="D27" s="1" t="s">
        <v>43</v>
      </c>
      <c r="E27" s="1" t="s">
        <v>107</v>
      </c>
      <c r="J27" s="1" t="s">
        <v>194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36</v>
      </c>
      <c r="B28" s="2">
        <v>0.45208333333333334</v>
      </c>
      <c r="C28" s="1" t="s">
        <v>476</v>
      </c>
      <c r="D28" s="1" t="s">
        <v>27</v>
      </c>
      <c r="E28" s="1" t="s">
        <v>70</v>
      </c>
      <c r="F28" s="1" t="s">
        <v>93</v>
      </c>
      <c r="G28" s="1" t="s">
        <v>266</v>
      </c>
      <c r="J28" s="1" t="s">
        <v>30</v>
      </c>
      <c r="K28" s="1" t="s">
        <v>158</v>
      </c>
      <c r="M28" s="1" t="s">
        <v>257</v>
      </c>
      <c r="N28" s="1" t="s">
        <v>33</v>
      </c>
      <c r="O28" s="1" t="s">
        <v>208</v>
      </c>
      <c r="P28" s="1" t="s">
        <v>35</v>
      </c>
      <c r="Q28" s="1" t="s">
        <v>36</v>
      </c>
      <c r="S28" s="1" t="s">
        <v>57</v>
      </c>
      <c r="U28" s="1">
        <v>9.6</v>
      </c>
      <c r="V28" s="1" t="s">
        <v>515</v>
      </c>
      <c r="W28" s="1" t="s">
        <v>508</v>
      </c>
      <c r="X28" s="1">
        <v>0.61</v>
      </c>
      <c r="Y28" s="1">
        <v>5.1999999999999998E-2</v>
      </c>
      <c r="Z28" s="1">
        <v>2.5000000000000001E-3</v>
      </c>
      <c r="AA28" t="s">
        <v>555</v>
      </c>
      <c r="AB28" t="s">
        <v>56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4</v>
      </c>
      <c r="BC28" s="1">
        <v>0.33</v>
      </c>
      <c r="BD28" s="1">
        <v>0.38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2.1999999999999999E-2</v>
      </c>
      <c r="BO28" s="1"/>
      <c r="BP28" s="1"/>
      <c r="BQ28" s="1">
        <v>32.090000000000003</v>
      </c>
      <c r="BR28" s="1" t="s">
        <v>531</v>
      </c>
      <c r="BS28" s="1"/>
      <c r="BT28" s="1">
        <v>4.5999999999999996</v>
      </c>
      <c r="BU28" s="1"/>
      <c r="BV28" s="1"/>
      <c r="BW28" s="1"/>
      <c r="BX28" s="1"/>
      <c r="BY28" s="1"/>
      <c r="BZ28" s="1"/>
    </row>
    <row r="29" spans="1:78" x14ac:dyDescent="0.15">
      <c r="B29" s="2">
        <v>0.45208333333333334</v>
      </c>
      <c r="C29" s="1" t="s">
        <v>478</v>
      </c>
      <c r="D29" s="1" t="s">
        <v>27</v>
      </c>
      <c r="E29" s="1" t="s">
        <v>70</v>
      </c>
      <c r="G29" s="1" t="s">
        <v>210</v>
      </c>
      <c r="J29" s="1" t="s">
        <v>151</v>
      </c>
      <c r="N29" s="1" t="s">
        <v>33</v>
      </c>
      <c r="P29" s="1" t="s">
        <v>35</v>
      </c>
      <c r="Q29" s="1" t="s">
        <v>36</v>
      </c>
      <c r="S29" s="1" t="s">
        <v>156</v>
      </c>
      <c r="U29" s="1">
        <v>8</v>
      </c>
      <c r="V29" s="1"/>
      <c r="W29" s="1"/>
      <c r="X29" s="1">
        <v>0.35</v>
      </c>
      <c r="Y29" s="1">
        <v>4.1000000000000002E-2</v>
      </c>
      <c r="Z29" s="1">
        <v>1.2999999999999999E-3</v>
      </c>
      <c r="AA29" t="s">
        <v>555</v>
      </c>
      <c r="AB29" t="s">
        <v>526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2</v>
      </c>
      <c r="BC29" s="1">
        <v>0.12</v>
      </c>
      <c r="BD29" s="1">
        <v>0.17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2.1999999999999999E-2</v>
      </c>
      <c r="BO29" s="1"/>
      <c r="BP29" s="1"/>
      <c r="BQ29" s="1">
        <v>33.71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5208333333333334</v>
      </c>
      <c r="C30" s="1" t="s">
        <v>553</v>
      </c>
      <c r="D30" s="1" t="s">
        <v>27</v>
      </c>
      <c r="E30" s="1" t="s">
        <v>70</v>
      </c>
      <c r="J30" s="1" t="s">
        <v>95</v>
      </c>
      <c r="N30" s="1" t="s">
        <v>33</v>
      </c>
      <c r="U30" s="1"/>
      <c r="V30" s="1"/>
      <c r="W30" s="1"/>
      <c r="X30" s="1"/>
      <c r="Y30" s="1"/>
      <c r="Z30" s="1"/>
      <c r="AC30" s="1" t="s">
        <v>509</v>
      </c>
      <c r="AD30" s="1" t="s">
        <v>510</v>
      </c>
      <c r="AE30" s="1" t="s">
        <v>513</v>
      </c>
      <c r="AF30" s="1" t="s">
        <v>512</v>
      </c>
      <c r="AG30" s="1" t="s">
        <v>511</v>
      </c>
      <c r="AH30" s="1" t="s">
        <v>513</v>
      </c>
      <c r="AI30" s="1"/>
      <c r="AJ30" s="1"/>
      <c r="AK30" s="1" t="s">
        <v>514</v>
      </c>
      <c r="AL30" s="1" t="s">
        <v>514</v>
      </c>
      <c r="AM30" s="1" t="s">
        <v>514</v>
      </c>
      <c r="AN30" s="1" t="s">
        <v>514</v>
      </c>
      <c r="AO30" s="1" t="s">
        <v>514</v>
      </c>
      <c r="AP30" t="s">
        <v>514</v>
      </c>
      <c r="AQ30" s="1" t="s">
        <v>514</v>
      </c>
      <c r="AR30" s="1" t="s">
        <v>514</v>
      </c>
      <c r="AS30" s="1" t="s">
        <v>514</v>
      </c>
      <c r="AT30" s="1" t="s">
        <v>517</v>
      </c>
      <c r="AU30" s="1" t="s">
        <v>513</v>
      </c>
      <c r="AV30" s="1" t="s">
        <v>509</v>
      </c>
      <c r="AW30" s="1" t="s">
        <v>509</v>
      </c>
      <c r="AX30" s="1" t="s">
        <v>514</v>
      </c>
      <c r="AY30" s="1" t="s">
        <v>523</v>
      </c>
      <c r="AZ30" s="1"/>
      <c r="BA30" s="1"/>
      <c r="BB30" s="1"/>
      <c r="BC30" s="1"/>
      <c r="BD30" s="1"/>
      <c r="BE30" t="s">
        <v>511</v>
      </c>
      <c r="BF30" s="1" t="s">
        <v>511</v>
      </c>
      <c r="BG30" s="1">
        <v>2.8E-3</v>
      </c>
      <c r="BH30" s="1" t="s">
        <v>512</v>
      </c>
      <c r="BI30" s="1">
        <v>0.01</v>
      </c>
      <c r="BJ30" s="1"/>
      <c r="BK30" s="1" t="s">
        <v>513</v>
      </c>
      <c r="BL30" s="1" t="s">
        <v>518</v>
      </c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44722222222222219</v>
      </c>
      <c r="C31" s="1" t="s">
        <v>476</v>
      </c>
      <c r="D31" s="1" t="s">
        <v>51</v>
      </c>
      <c r="E31" s="1" t="s">
        <v>477</v>
      </c>
      <c r="F31" s="1" t="s">
        <v>281</v>
      </c>
      <c r="G31" s="1" t="s">
        <v>245</v>
      </c>
      <c r="J31" s="1" t="s">
        <v>30</v>
      </c>
      <c r="K31" s="1" t="s">
        <v>272</v>
      </c>
      <c r="M31" s="1" t="s">
        <v>37</v>
      </c>
      <c r="N31" s="1" t="s">
        <v>33</v>
      </c>
      <c r="O31" s="1" t="s">
        <v>208</v>
      </c>
      <c r="P31" s="1" t="s">
        <v>35</v>
      </c>
      <c r="Q31" s="1" t="s">
        <v>84</v>
      </c>
      <c r="S31" s="1" t="s">
        <v>57</v>
      </c>
      <c r="U31" s="1">
        <v>9.8000000000000007</v>
      </c>
      <c r="V31" s="3">
        <v>8</v>
      </c>
      <c r="W31" s="1" t="s">
        <v>508</v>
      </c>
      <c r="X31" s="1">
        <v>0.56999999999999995</v>
      </c>
      <c r="Y31" s="1">
        <v>3.2000000000000001E-2</v>
      </c>
      <c r="Z31" s="1">
        <v>4.4000000000000003E-3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2</v>
      </c>
      <c r="BC31" s="1">
        <v>0.33</v>
      </c>
      <c r="BD31" s="1">
        <v>0.38</v>
      </c>
      <c r="BF31" s="1"/>
      <c r="BG31" s="1"/>
      <c r="BH31" s="1"/>
      <c r="BI31" s="1"/>
      <c r="BJ31" s="1"/>
      <c r="BK31" s="1"/>
      <c r="BL31" s="1"/>
      <c r="BM31" s="1">
        <v>0.05</v>
      </c>
      <c r="BN31" s="1">
        <v>1.4999999999999999E-2</v>
      </c>
      <c r="BO31" s="1"/>
      <c r="BP31" s="1"/>
      <c r="BQ31" s="1">
        <v>32.159999999999997</v>
      </c>
      <c r="BR31" s="1"/>
      <c r="BS31" s="1"/>
      <c r="BT31" s="1">
        <v>2.8</v>
      </c>
      <c r="BU31" s="1"/>
      <c r="BV31" s="1"/>
      <c r="BW31" s="1"/>
      <c r="BX31" s="1"/>
      <c r="BY31" s="1"/>
      <c r="BZ31" s="1"/>
    </row>
    <row r="32" spans="1:78" x14ac:dyDescent="0.15">
      <c r="B32" s="2">
        <v>0.44722222222222219</v>
      </c>
      <c r="C32" s="1" t="s">
        <v>478</v>
      </c>
      <c r="D32" s="1" t="s">
        <v>51</v>
      </c>
      <c r="E32" s="1" t="s">
        <v>477</v>
      </c>
      <c r="G32" s="1" t="s">
        <v>253</v>
      </c>
      <c r="J32" s="1" t="s">
        <v>312</v>
      </c>
      <c r="N32" s="1" t="s">
        <v>33</v>
      </c>
      <c r="P32" s="1" t="s">
        <v>35</v>
      </c>
      <c r="Q32" s="1" t="s">
        <v>84</v>
      </c>
      <c r="S32" s="1" t="s">
        <v>104</v>
      </c>
      <c r="U32" s="1">
        <v>9.4</v>
      </c>
      <c r="V32" s="1"/>
      <c r="W32" s="1"/>
      <c r="X32" s="1">
        <v>0.47</v>
      </c>
      <c r="Y32" s="1">
        <v>2.5000000000000001E-2</v>
      </c>
      <c r="Z32" s="1">
        <v>3.7000000000000002E-3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26</v>
      </c>
      <c r="BD32" s="1">
        <v>0.31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2E-2</v>
      </c>
      <c r="BO32" s="1"/>
      <c r="BP32" s="1"/>
      <c r="BQ32" s="1">
        <v>32.590000000000003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4722222222222219</v>
      </c>
      <c r="C33" s="1" t="s">
        <v>553</v>
      </c>
      <c r="D33" s="1" t="s">
        <v>51</v>
      </c>
      <c r="E33" s="1" t="s">
        <v>477</v>
      </c>
      <c r="J33" s="1" t="s">
        <v>279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4368055555555555</v>
      </c>
      <c r="C34" s="1" t="s">
        <v>476</v>
      </c>
      <c r="D34" s="1" t="s">
        <v>43</v>
      </c>
      <c r="E34" s="1" t="s">
        <v>477</v>
      </c>
      <c r="F34" s="1" t="s">
        <v>213</v>
      </c>
      <c r="G34" s="1" t="s">
        <v>271</v>
      </c>
      <c r="J34" s="1" t="s">
        <v>30</v>
      </c>
      <c r="K34" s="1" t="s">
        <v>151</v>
      </c>
      <c r="M34" s="1" t="s">
        <v>246</v>
      </c>
      <c r="N34" s="1" t="s">
        <v>33</v>
      </c>
      <c r="O34" s="1" t="s">
        <v>208</v>
      </c>
      <c r="P34" s="1" t="s">
        <v>35</v>
      </c>
      <c r="Q34" s="1" t="s">
        <v>84</v>
      </c>
      <c r="S34" s="1" t="s">
        <v>57</v>
      </c>
      <c r="U34" s="1">
        <v>10</v>
      </c>
      <c r="V34" s="3">
        <v>790</v>
      </c>
      <c r="W34" s="1" t="s">
        <v>508</v>
      </c>
      <c r="X34" s="1">
        <v>0.71</v>
      </c>
      <c r="Y34" s="1">
        <v>0.04</v>
      </c>
      <c r="Z34" s="1">
        <v>3.8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42</v>
      </c>
      <c r="BD34" s="1">
        <v>0.47</v>
      </c>
      <c r="BF34" s="1"/>
      <c r="BG34" s="1"/>
      <c r="BH34" s="1"/>
      <c r="BI34" s="1"/>
      <c r="BJ34" s="1"/>
      <c r="BK34" s="1"/>
      <c r="BL34" s="1"/>
      <c r="BM34" s="1">
        <v>0.06</v>
      </c>
      <c r="BN34" s="1">
        <v>0.02</v>
      </c>
      <c r="BO34" s="1"/>
      <c r="BP34" s="1"/>
      <c r="BQ34" s="1">
        <v>31.04</v>
      </c>
      <c r="BR34" s="1"/>
      <c r="BS34" s="1"/>
      <c r="BT34" s="1">
        <v>3.8</v>
      </c>
      <c r="BU34" s="1"/>
      <c r="BV34" s="1"/>
      <c r="BW34" s="1"/>
      <c r="BX34" s="1"/>
      <c r="BY34" s="1"/>
      <c r="BZ34" s="1"/>
    </row>
    <row r="35" spans="1:78" x14ac:dyDescent="0.15">
      <c r="B35" s="2">
        <v>0.4368055555555555</v>
      </c>
      <c r="C35" s="1" t="s">
        <v>478</v>
      </c>
      <c r="D35" s="1" t="s">
        <v>43</v>
      </c>
      <c r="E35" s="1" t="s">
        <v>477</v>
      </c>
      <c r="G35" s="1" t="s">
        <v>269</v>
      </c>
      <c r="J35" s="1" t="s">
        <v>313</v>
      </c>
      <c r="N35" s="1" t="s">
        <v>33</v>
      </c>
      <c r="P35" s="1" t="s">
        <v>35</v>
      </c>
      <c r="Q35" s="1" t="s">
        <v>84</v>
      </c>
      <c r="S35" s="1" t="s">
        <v>170</v>
      </c>
      <c r="U35" s="1">
        <v>9</v>
      </c>
      <c r="V35" s="1"/>
      <c r="W35" s="1"/>
      <c r="X35" s="1">
        <v>0.41</v>
      </c>
      <c r="Y35" s="1">
        <v>2.1000000000000001E-2</v>
      </c>
      <c r="Z35" s="1">
        <v>2.8999999999999998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24</v>
      </c>
      <c r="BD35" s="1">
        <v>0.28999999999999998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1.4E-2</v>
      </c>
      <c r="BO35" s="1"/>
      <c r="BP35" s="1"/>
      <c r="BQ35" s="1">
        <v>32.89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368055555555555</v>
      </c>
      <c r="C36" s="1" t="s">
        <v>553</v>
      </c>
      <c r="D36" s="1" t="s">
        <v>43</v>
      </c>
      <c r="E36" s="1" t="s">
        <v>477</v>
      </c>
      <c r="J36" s="1" t="s">
        <v>205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</sheetData>
  <phoneticPr fontId="18"/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8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93</v>
      </c>
      <c r="E1" s="1" t="s">
        <v>2</v>
      </c>
      <c r="F1" s="1" t="s">
        <v>488</v>
      </c>
      <c r="G1" s="1" t="s">
        <v>3</v>
      </c>
      <c r="H1" s="1" t="s">
        <v>48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37777777777777777</v>
      </c>
      <c r="C4" s="1" t="s">
        <v>476</v>
      </c>
      <c r="D4" s="1" t="s">
        <v>27</v>
      </c>
      <c r="E4" s="1" t="s">
        <v>477</v>
      </c>
      <c r="F4" s="1" t="s">
        <v>147</v>
      </c>
      <c r="G4" s="1" t="s">
        <v>351</v>
      </c>
      <c r="J4" s="1" t="s">
        <v>30</v>
      </c>
      <c r="K4" s="1" t="s">
        <v>103</v>
      </c>
      <c r="M4" s="1" t="s">
        <v>149</v>
      </c>
      <c r="N4" s="1" t="s">
        <v>33</v>
      </c>
      <c r="O4" s="1" t="s">
        <v>157</v>
      </c>
      <c r="P4" s="1" t="s">
        <v>35</v>
      </c>
      <c r="Q4" s="1" t="s">
        <v>84</v>
      </c>
      <c r="S4" s="1" t="s">
        <v>169</v>
      </c>
      <c r="U4" s="1">
        <v>10.4</v>
      </c>
      <c r="V4" s="3">
        <v>2</v>
      </c>
      <c r="W4" s="1" t="s">
        <v>508</v>
      </c>
      <c r="X4" s="1">
        <v>0.5</v>
      </c>
      <c r="Y4" s="1">
        <v>4.5999999999999999E-2</v>
      </c>
      <c r="Z4" s="1">
        <v>2.0999999999999999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0.21</v>
      </c>
      <c r="BD4" s="1">
        <v>0.26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1.4E-2</v>
      </c>
      <c r="BO4" s="1"/>
      <c r="BP4" s="1"/>
      <c r="BQ4" s="1">
        <v>31.75</v>
      </c>
      <c r="BR4" s="1"/>
      <c r="BS4" s="1"/>
      <c r="BT4" s="1">
        <v>21</v>
      </c>
      <c r="BU4" s="1"/>
      <c r="BV4" s="1"/>
      <c r="BW4" s="1"/>
      <c r="BX4" s="1"/>
      <c r="BY4" s="1"/>
      <c r="BZ4" s="1"/>
    </row>
    <row r="5" spans="1:78" x14ac:dyDescent="0.15">
      <c r="B5" s="2">
        <v>0.37777777777777777</v>
      </c>
      <c r="C5" s="1" t="s">
        <v>478</v>
      </c>
      <c r="D5" s="1" t="s">
        <v>27</v>
      </c>
      <c r="E5" s="1" t="s">
        <v>477</v>
      </c>
      <c r="G5" s="1" t="s">
        <v>118</v>
      </c>
      <c r="J5" s="1" t="s">
        <v>279</v>
      </c>
      <c r="N5" s="1" t="s">
        <v>33</v>
      </c>
      <c r="P5" s="1" t="s">
        <v>35</v>
      </c>
      <c r="Q5" s="1" t="s">
        <v>84</v>
      </c>
      <c r="S5" s="1" t="s">
        <v>32</v>
      </c>
      <c r="U5" s="1">
        <v>9.5</v>
      </c>
      <c r="V5" s="1"/>
      <c r="W5" s="1"/>
      <c r="X5" s="1">
        <v>0.56000000000000005</v>
      </c>
      <c r="Y5" s="1">
        <v>5.5E-2</v>
      </c>
      <c r="Z5" s="1">
        <v>1.8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21</v>
      </c>
      <c r="BD5" s="1">
        <v>0.26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1.9E-2</v>
      </c>
      <c r="BO5" s="1"/>
      <c r="BP5" s="1"/>
      <c r="BQ5" s="1">
        <v>31.85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38819444444444445</v>
      </c>
      <c r="C6" s="1" t="s">
        <v>476</v>
      </c>
      <c r="D6" s="1" t="s">
        <v>43</v>
      </c>
      <c r="E6" s="1" t="s">
        <v>44</v>
      </c>
      <c r="F6" s="1" t="s">
        <v>79</v>
      </c>
      <c r="G6" s="1" t="s">
        <v>140</v>
      </c>
      <c r="J6" s="1" t="s">
        <v>30</v>
      </c>
      <c r="K6" s="1" t="s">
        <v>210</v>
      </c>
      <c r="M6" s="1" t="s">
        <v>47</v>
      </c>
      <c r="N6" s="1" t="s">
        <v>33</v>
      </c>
      <c r="O6" s="1" t="s">
        <v>157</v>
      </c>
      <c r="P6" s="1" t="s">
        <v>35</v>
      </c>
      <c r="Q6" s="1" t="s">
        <v>63</v>
      </c>
      <c r="S6" s="1" t="s">
        <v>32</v>
      </c>
      <c r="U6" s="1">
        <v>8.6999999999999993</v>
      </c>
      <c r="V6" s="3">
        <v>790</v>
      </c>
      <c r="W6" s="1" t="s">
        <v>508</v>
      </c>
      <c r="X6" s="1">
        <v>0.46</v>
      </c>
      <c r="Y6" s="1">
        <v>2.9000000000000001E-2</v>
      </c>
      <c r="Z6" s="1">
        <v>2.8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0.22</v>
      </c>
      <c r="BD6" s="1">
        <v>0.27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1.2E-2</v>
      </c>
      <c r="BO6" s="1"/>
      <c r="BP6" s="1"/>
      <c r="BQ6" s="1">
        <v>30.16</v>
      </c>
      <c r="BR6" s="1"/>
      <c r="BS6" s="1"/>
      <c r="BT6" s="1">
        <v>9.5</v>
      </c>
      <c r="BU6" s="1"/>
      <c r="BV6" s="1"/>
      <c r="BW6" s="1"/>
      <c r="BX6" s="1"/>
      <c r="BY6" s="1"/>
      <c r="BZ6" s="1"/>
    </row>
    <row r="7" spans="1:78" x14ac:dyDescent="0.15">
      <c r="B7" s="2">
        <v>0.38819444444444445</v>
      </c>
      <c r="C7" s="1" t="s">
        <v>478</v>
      </c>
      <c r="D7" s="1" t="s">
        <v>43</v>
      </c>
      <c r="E7" s="1" t="s">
        <v>44</v>
      </c>
      <c r="G7" s="1" t="s">
        <v>140</v>
      </c>
      <c r="J7" s="1" t="s">
        <v>206</v>
      </c>
      <c r="N7" s="1" t="s">
        <v>33</v>
      </c>
      <c r="P7" s="1" t="s">
        <v>35</v>
      </c>
      <c r="Q7" s="1" t="s">
        <v>63</v>
      </c>
      <c r="S7" s="1" t="s">
        <v>91</v>
      </c>
      <c r="U7" s="1">
        <v>8.3000000000000007</v>
      </c>
      <c r="V7" s="1"/>
      <c r="W7" s="1"/>
      <c r="X7" s="1">
        <v>0.46</v>
      </c>
      <c r="Y7" s="1">
        <v>2.9000000000000001E-2</v>
      </c>
      <c r="Z7" s="1">
        <v>5.7999999999999996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2</v>
      </c>
      <c r="BC7" s="1">
        <v>0.22</v>
      </c>
      <c r="BD7" s="1">
        <v>0.27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7.0000000000000001E-3</v>
      </c>
      <c r="BO7" s="1"/>
      <c r="BP7" s="1"/>
      <c r="BQ7" s="1">
        <v>30.57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7152777777777773</v>
      </c>
      <c r="C8" s="1" t="s">
        <v>476</v>
      </c>
      <c r="D8" s="1" t="s">
        <v>51</v>
      </c>
      <c r="E8" s="1" t="s">
        <v>477</v>
      </c>
      <c r="F8" s="1" t="s">
        <v>233</v>
      </c>
      <c r="G8" s="1" t="s">
        <v>324</v>
      </c>
      <c r="J8" s="1" t="s">
        <v>30</v>
      </c>
      <c r="K8" s="1" t="s">
        <v>198</v>
      </c>
      <c r="M8" s="1" t="s">
        <v>133</v>
      </c>
      <c r="N8" s="1" t="s">
        <v>33</v>
      </c>
      <c r="O8" s="1" t="s">
        <v>157</v>
      </c>
      <c r="P8" s="1" t="s">
        <v>35</v>
      </c>
      <c r="Q8" s="1" t="s">
        <v>174</v>
      </c>
      <c r="S8" s="1" t="s">
        <v>182</v>
      </c>
      <c r="U8" s="1">
        <v>11.2</v>
      </c>
      <c r="V8" s="3">
        <v>23</v>
      </c>
      <c r="W8" s="1" t="s">
        <v>508</v>
      </c>
      <c r="X8" s="1">
        <v>0.33</v>
      </c>
      <c r="Y8" s="1">
        <v>2.9000000000000001E-2</v>
      </c>
      <c r="Z8" s="1">
        <v>1.5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0</v>
      </c>
      <c r="BC8" s="1">
        <v>0.0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 t="s">
        <v>518</v>
      </c>
      <c r="BO8" s="1"/>
      <c r="BP8" s="1"/>
      <c r="BQ8" s="1">
        <v>29.99</v>
      </c>
      <c r="BR8" s="1"/>
      <c r="BS8" s="1"/>
      <c r="BT8" s="1">
        <v>14</v>
      </c>
      <c r="BU8" s="1"/>
      <c r="BV8" s="1"/>
      <c r="BW8" s="1"/>
      <c r="BX8" s="1"/>
      <c r="BY8" s="1"/>
      <c r="BZ8" s="1"/>
    </row>
    <row r="9" spans="1:78" x14ac:dyDescent="0.15">
      <c r="B9" s="2">
        <v>0.37152777777777773</v>
      </c>
      <c r="C9" s="1" t="s">
        <v>478</v>
      </c>
      <c r="D9" s="1" t="s">
        <v>51</v>
      </c>
      <c r="E9" s="1" t="s">
        <v>477</v>
      </c>
      <c r="G9" s="1" t="s">
        <v>202</v>
      </c>
      <c r="J9" s="1" t="s">
        <v>212</v>
      </c>
      <c r="N9" s="1" t="s">
        <v>33</v>
      </c>
      <c r="P9" s="1" t="s">
        <v>35</v>
      </c>
      <c r="Q9" s="1" t="s">
        <v>84</v>
      </c>
      <c r="S9" s="1" t="s">
        <v>170</v>
      </c>
      <c r="U9" s="1">
        <v>6.2</v>
      </c>
      <c r="V9" s="1"/>
      <c r="W9" s="1"/>
      <c r="X9" s="1">
        <v>0.22</v>
      </c>
      <c r="Y9" s="1">
        <v>2.5000000000000001E-2</v>
      </c>
      <c r="Z9" s="1">
        <v>1.5E-3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0.06</v>
      </c>
      <c r="BD9" s="1">
        <v>0.11</v>
      </c>
      <c r="BE9" s="1"/>
      <c r="BF9" s="1"/>
      <c r="BG9" s="1"/>
      <c r="BH9" s="1"/>
      <c r="BI9" s="1"/>
      <c r="BJ9" s="1"/>
      <c r="BK9" s="1"/>
      <c r="BL9" s="1"/>
      <c r="BM9" s="1">
        <v>0.04</v>
      </c>
      <c r="BN9" s="1">
        <v>1.2E-2</v>
      </c>
      <c r="BO9" s="1"/>
      <c r="BP9" s="1"/>
      <c r="BQ9" s="1">
        <v>33.04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75</v>
      </c>
      <c r="C10" s="1" t="s">
        <v>476</v>
      </c>
      <c r="D10" s="1" t="s">
        <v>27</v>
      </c>
      <c r="E10" s="1" t="s">
        <v>477</v>
      </c>
      <c r="F10" s="1" t="s">
        <v>220</v>
      </c>
      <c r="G10" s="1" t="s">
        <v>159</v>
      </c>
      <c r="J10" s="1" t="s">
        <v>30</v>
      </c>
      <c r="K10" s="1" t="s">
        <v>39</v>
      </c>
      <c r="M10" s="1" t="s">
        <v>170</v>
      </c>
      <c r="N10" s="1" t="s">
        <v>74</v>
      </c>
      <c r="O10" s="1" t="s">
        <v>221</v>
      </c>
      <c r="P10" s="1" t="s">
        <v>35</v>
      </c>
      <c r="Q10" s="1" t="s">
        <v>63</v>
      </c>
      <c r="S10" s="1" t="s">
        <v>182</v>
      </c>
      <c r="U10" s="1">
        <v>10.199999999999999</v>
      </c>
      <c r="V10" s="1" t="s">
        <v>515</v>
      </c>
      <c r="W10" s="1" t="s">
        <v>508</v>
      </c>
      <c r="X10" s="1">
        <v>0.28999999999999998</v>
      </c>
      <c r="Y10" s="1">
        <v>3.4000000000000002E-2</v>
      </c>
      <c r="Z10" s="1">
        <v>5.9999999999999995E-4</v>
      </c>
      <c r="AA10" s="1" t="s">
        <v>555</v>
      </c>
      <c r="AB10" s="1" t="s">
        <v>52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2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 t="s">
        <v>518</v>
      </c>
      <c r="BO10" s="1"/>
      <c r="BP10" s="1"/>
      <c r="BQ10" s="1">
        <v>30.9</v>
      </c>
      <c r="BR10" s="1" t="s">
        <v>531</v>
      </c>
      <c r="BS10" s="1" t="s">
        <v>511</v>
      </c>
      <c r="BT10" s="1">
        <v>18</v>
      </c>
      <c r="BU10" s="1"/>
      <c r="BV10" s="1"/>
      <c r="BW10" s="1"/>
      <c r="BX10" s="1"/>
      <c r="BY10" s="1"/>
      <c r="BZ10" s="1"/>
    </row>
    <row r="11" spans="1:78" x14ac:dyDescent="0.15">
      <c r="B11" s="2">
        <v>0.375</v>
      </c>
      <c r="C11" s="1" t="s">
        <v>478</v>
      </c>
      <c r="D11" s="1" t="s">
        <v>27</v>
      </c>
      <c r="E11" s="1" t="s">
        <v>477</v>
      </c>
      <c r="G11" s="1" t="s">
        <v>317</v>
      </c>
      <c r="J11" s="1" t="s">
        <v>210</v>
      </c>
      <c r="N11" s="1" t="s">
        <v>74</v>
      </c>
      <c r="P11" s="1" t="s">
        <v>35</v>
      </c>
      <c r="Q11" s="1" t="s">
        <v>36</v>
      </c>
      <c r="S11" s="1" t="s">
        <v>57</v>
      </c>
      <c r="U11" s="1">
        <v>7.4</v>
      </c>
      <c r="V11" s="1"/>
      <c r="W11" s="1"/>
      <c r="X11" s="1">
        <v>0.34</v>
      </c>
      <c r="Y11" s="1">
        <v>3.5999999999999997E-2</v>
      </c>
      <c r="Z11" s="1">
        <v>2.0999999999999999E-3</v>
      </c>
      <c r="AA11" s="1" t="s">
        <v>555</v>
      </c>
      <c r="AB11" s="1" t="s">
        <v>52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06</v>
      </c>
      <c r="BD11" s="1">
        <v>0.11</v>
      </c>
      <c r="BE11" s="1"/>
      <c r="BF11" s="1"/>
      <c r="BG11" s="1"/>
      <c r="BH11" s="1"/>
      <c r="BI11" s="1"/>
      <c r="BJ11" s="1"/>
      <c r="BK11" s="1"/>
      <c r="BL11" s="1"/>
      <c r="BM11" s="1">
        <v>0.06</v>
      </c>
      <c r="BN11" s="1">
        <v>1.2E-2</v>
      </c>
      <c r="BO11" s="1"/>
      <c r="BP11" s="1"/>
      <c r="BQ11" s="1">
        <v>31.96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75</v>
      </c>
      <c r="C12" s="1" t="s">
        <v>553</v>
      </c>
      <c r="D12" s="1" t="s">
        <v>27</v>
      </c>
      <c r="E12" s="1" t="s">
        <v>477</v>
      </c>
      <c r="J12" s="1" t="s">
        <v>211</v>
      </c>
      <c r="N12" s="1" t="s">
        <v>74</v>
      </c>
      <c r="U12" s="1"/>
      <c r="V12" s="1"/>
      <c r="W12" s="1"/>
      <c r="X12" s="1"/>
      <c r="Y12" s="1"/>
      <c r="Z12" s="1"/>
      <c r="AA12" s="1"/>
      <c r="AB12" s="1"/>
      <c r="AC12" s="1" t="s">
        <v>509</v>
      </c>
      <c r="AD12" s="1" t="s">
        <v>510</v>
      </c>
      <c r="AE12" s="1" t="s">
        <v>513</v>
      </c>
      <c r="AF12" s="1" t="s">
        <v>512</v>
      </c>
      <c r="AG12" s="1" t="s">
        <v>511</v>
      </c>
      <c r="AH12" s="1" t="s">
        <v>513</v>
      </c>
      <c r="AI12" s="1"/>
      <c r="AJ12" s="1" t="s">
        <v>513</v>
      </c>
      <c r="AK12" s="1" t="s">
        <v>514</v>
      </c>
      <c r="AL12" s="1" t="s">
        <v>514</v>
      </c>
      <c r="AM12" s="1" t="s">
        <v>514</v>
      </c>
      <c r="AN12" s="1" t="s">
        <v>514</v>
      </c>
      <c r="AO12" s="1" t="s">
        <v>514</v>
      </c>
      <c r="AP12" t="s">
        <v>514</v>
      </c>
      <c r="AQ12" s="1" t="s">
        <v>514</v>
      </c>
      <c r="AR12" s="1" t="s">
        <v>514</v>
      </c>
      <c r="AS12" s="1" t="s">
        <v>514</v>
      </c>
      <c r="AT12" s="1" t="s">
        <v>517</v>
      </c>
      <c r="AU12" s="1" t="s">
        <v>513</v>
      </c>
      <c r="AV12" s="1" t="s">
        <v>509</v>
      </c>
      <c r="AW12" s="1" t="s">
        <v>509</v>
      </c>
      <c r="AX12" s="1" t="s">
        <v>514</v>
      </c>
      <c r="AY12" s="1" t="s">
        <v>523</v>
      </c>
      <c r="AZ12" s="1"/>
      <c r="BA12" s="1"/>
      <c r="BB12" s="1"/>
      <c r="BC12" s="1"/>
      <c r="BD12" s="1"/>
      <c r="BE12" s="1" t="s">
        <v>511</v>
      </c>
      <c r="BF12" s="1" t="s">
        <v>511</v>
      </c>
      <c r="BG12" s="1">
        <v>8.9999999999999998E-4</v>
      </c>
      <c r="BH12" s="1" t="s">
        <v>512</v>
      </c>
      <c r="BI12" s="1" t="s">
        <v>510</v>
      </c>
      <c r="BJ12" s="1"/>
      <c r="BK12" s="1" t="s">
        <v>513</v>
      </c>
      <c r="BL12" s="1" t="s">
        <v>518</v>
      </c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4284722222222222</v>
      </c>
      <c r="C13" s="1" t="s">
        <v>476</v>
      </c>
      <c r="D13" s="1" t="s">
        <v>27</v>
      </c>
      <c r="E13" s="1" t="s">
        <v>70</v>
      </c>
      <c r="F13" s="1" t="s">
        <v>150</v>
      </c>
      <c r="G13" s="1" t="s">
        <v>344</v>
      </c>
      <c r="J13" s="1" t="s">
        <v>30</v>
      </c>
      <c r="K13" s="1" t="s">
        <v>198</v>
      </c>
      <c r="M13" s="1" t="s">
        <v>91</v>
      </c>
      <c r="N13" s="1" t="s">
        <v>33</v>
      </c>
      <c r="O13" s="1" t="s">
        <v>157</v>
      </c>
      <c r="P13" s="1" t="s">
        <v>35</v>
      </c>
      <c r="Q13" s="1" t="s">
        <v>55</v>
      </c>
      <c r="S13" s="1" t="s">
        <v>320</v>
      </c>
      <c r="U13" s="1">
        <v>9.5</v>
      </c>
      <c r="V13" s="3">
        <v>2</v>
      </c>
      <c r="W13" s="1" t="s">
        <v>508</v>
      </c>
      <c r="X13" s="1">
        <v>0.39</v>
      </c>
      <c r="Y13" s="1">
        <v>0.04</v>
      </c>
      <c r="Z13" s="1">
        <v>2.8E-3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>
        <v>0.03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 t="s">
        <v>518</v>
      </c>
      <c r="BO13" s="1"/>
      <c r="BP13" s="1"/>
      <c r="BQ13" s="1">
        <v>29.75</v>
      </c>
      <c r="BR13" s="1"/>
      <c r="BS13" s="1"/>
      <c r="BT13" s="1">
        <v>8.1999999999999993</v>
      </c>
      <c r="BU13" s="1"/>
      <c r="BV13" s="1"/>
      <c r="BW13" s="1"/>
      <c r="BX13" s="1"/>
      <c r="BY13" s="1"/>
      <c r="BZ13" s="1"/>
    </row>
    <row r="14" spans="1:78" x14ac:dyDescent="0.15">
      <c r="B14" s="2">
        <v>0.4284722222222222</v>
      </c>
      <c r="C14" s="1" t="s">
        <v>478</v>
      </c>
      <c r="D14" s="1" t="s">
        <v>27</v>
      </c>
      <c r="E14" s="1" t="s">
        <v>70</v>
      </c>
      <c r="G14" s="1" t="s">
        <v>297</v>
      </c>
      <c r="J14" s="1" t="s">
        <v>212</v>
      </c>
      <c r="N14" s="1" t="s">
        <v>33</v>
      </c>
      <c r="P14" s="1" t="s">
        <v>35</v>
      </c>
      <c r="Q14" s="1" t="s">
        <v>63</v>
      </c>
      <c r="S14" s="1" t="s">
        <v>163</v>
      </c>
      <c r="U14" s="1">
        <v>5.8</v>
      </c>
      <c r="V14" s="1"/>
      <c r="W14" s="1"/>
      <c r="X14" s="1">
        <v>0.35</v>
      </c>
      <c r="Y14" s="1">
        <v>0.04</v>
      </c>
      <c r="Z14" s="1">
        <v>3.0000000000000001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0</v>
      </c>
      <c r="BC14" s="1" t="s">
        <v>512</v>
      </c>
      <c r="BD14" s="1" t="s">
        <v>522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1.2999999999999999E-2</v>
      </c>
      <c r="BO14" s="1"/>
      <c r="BP14" s="1"/>
      <c r="BQ14" s="1">
        <v>31.25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284722222222222</v>
      </c>
      <c r="C15" s="1" t="s">
        <v>553</v>
      </c>
      <c r="D15" s="1" t="s">
        <v>27</v>
      </c>
      <c r="E15" s="1" t="s">
        <v>70</v>
      </c>
      <c r="J15" s="1" t="s">
        <v>217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6805555555555558</v>
      </c>
      <c r="C16" s="1" t="s">
        <v>476</v>
      </c>
      <c r="D16" s="1" t="s">
        <v>43</v>
      </c>
      <c r="E16" s="1" t="s">
        <v>477</v>
      </c>
      <c r="F16" s="1" t="s">
        <v>228</v>
      </c>
      <c r="G16" s="1" t="s">
        <v>346</v>
      </c>
      <c r="J16" s="1" t="s">
        <v>30</v>
      </c>
      <c r="K16" s="1" t="s">
        <v>103</v>
      </c>
      <c r="M16" s="1" t="s">
        <v>320</v>
      </c>
      <c r="N16" s="1" t="s">
        <v>33</v>
      </c>
      <c r="O16" s="1" t="s">
        <v>208</v>
      </c>
      <c r="P16" s="1" t="s">
        <v>35</v>
      </c>
      <c r="Q16" s="1" t="s">
        <v>36</v>
      </c>
      <c r="S16" s="1" t="s">
        <v>111</v>
      </c>
      <c r="U16" s="1">
        <v>6.5</v>
      </c>
      <c r="V16" s="1" t="s">
        <v>515</v>
      </c>
      <c r="W16" s="1" t="s">
        <v>508</v>
      </c>
      <c r="X16" s="1">
        <v>0.28000000000000003</v>
      </c>
      <c r="Y16" s="1">
        <v>5.5E-2</v>
      </c>
      <c r="Z16" s="1">
        <v>2.3999999999999998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13</v>
      </c>
      <c r="BD16" s="1">
        <v>0.18</v>
      </c>
      <c r="BE16" s="1"/>
      <c r="BF16" s="1"/>
      <c r="BG16" s="1"/>
      <c r="BH16" s="1"/>
      <c r="BI16" s="1"/>
      <c r="BJ16" s="1"/>
      <c r="BK16" s="1"/>
      <c r="BL16" s="1"/>
      <c r="BM16" s="1" t="s">
        <v>533</v>
      </c>
      <c r="BN16" s="1">
        <v>3.7999999999999999E-2</v>
      </c>
      <c r="BO16" s="1"/>
      <c r="BP16" s="1"/>
      <c r="BQ16" s="1">
        <v>31.36</v>
      </c>
      <c r="BR16" s="1"/>
      <c r="BS16" s="1"/>
      <c r="BT16" s="1">
        <v>5.0999999999999996</v>
      </c>
      <c r="BU16" s="1"/>
      <c r="BV16" s="1"/>
      <c r="BW16" s="1"/>
      <c r="BX16" s="1"/>
      <c r="BY16" s="1"/>
      <c r="BZ16" s="1"/>
    </row>
    <row r="17" spans="1:78" x14ac:dyDescent="0.15">
      <c r="B17" s="2">
        <v>0.36805555555555558</v>
      </c>
      <c r="C17" s="1" t="s">
        <v>478</v>
      </c>
      <c r="D17" s="1" t="s">
        <v>43</v>
      </c>
      <c r="E17" s="1" t="s">
        <v>477</v>
      </c>
      <c r="G17" s="1" t="s">
        <v>313</v>
      </c>
      <c r="J17" s="1" t="s">
        <v>279</v>
      </c>
      <c r="N17" s="1" t="s">
        <v>33</v>
      </c>
      <c r="P17" s="1" t="s">
        <v>35</v>
      </c>
      <c r="Q17" s="1" t="s">
        <v>40</v>
      </c>
      <c r="S17" s="1" t="s">
        <v>104</v>
      </c>
      <c r="U17" s="1">
        <v>4.9000000000000004</v>
      </c>
      <c r="V17" s="1"/>
      <c r="W17" s="1"/>
      <c r="X17" s="1">
        <v>0.32</v>
      </c>
      <c r="Y17" s="1">
        <v>6.3E-2</v>
      </c>
      <c r="Z17" s="1">
        <v>5.1999999999999998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16</v>
      </c>
      <c r="BD17" s="1">
        <v>0.21</v>
      </c>
      <c r="BE17" s="1"/>
      <c r="BF17" s="1"/>
      <c r="BG17" s="1"/>
      <c r="BH17" s="1"/>
      <c r="BI17" s="1"/>
      <c r="BJ17" s="1"/>
      <c r="BK17" s="1"/>
      <c r="BL17" s="1"/>
      <c r="BM17" s="1" t="s">
        <v>533</v>
      </c>
      <c r="BN17" s="1">
        <v>4.5999999999999999E-2</v>
      </c>
      <c r="BO17" s="1"/>
      <c r="BP17" s="1"/>
      <c r="BQ17" s="1">
        <v>31.74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6805555555555558</v>
      </c>
      <c r="C18" s="1" t="s">
        <v>553</v>
      </c>
      <c r="D18" s="1" t="s">
        <v>43</v>
      </c>
      <c r="E18" s="1" t="s">
        <v>477</v>
      </c>
      <c r="J18" s="1" t="s">
        <v>211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6736111111111108</v>
      </c>
      <c r="C19" s="1" t="s">
        <v>476</v>
      </c>
      <c r="D19" s="1" t="s">
        <v>43</v>
      </c>
      <c r="E19" s="1" t="s">
        <v>70</v>
      </c>
      <c r="F19" s="1" t="s">
        <v>348</v>
      </c>
      <c r="G19" s="1" t="s">
        <v>294</v>
      </c>
      <c r="J19" s="1" t="s">
        <v>30</v>
      </c>
      <c r="K19" s="1" t="s">
        <v>205</v>
      </c>
      <c r="M19" s="1" t="s">
        <v>47</v>
      </c>
      <c r="N19" s="1" t="s">
        <v>33</v>
      </c>
      <c r="O19" s="1" t="s">
        <v>157</v>
      </c>
      <c r="P19" s="1" t="s">
        <v>35</v>
      </c>
      <c r="Q19" s="1" t="s">
        <v>93</v>
      </c>
      <c r="S19" s="1" t="s">
        <v>91</v>
      </c>
      <c r="U19" s="1">
        <v>7.3</v>
      </c>
      <c r="V19" s="3">
        <v>110</v>
      </c>
      <c r="W19" s="1" t="s">
        <v>508</v>
      </c>
      <c r="X19" s="1">
        <v>0.84</v>
      </c>
      <c r="Y19" s="1">
        <v>8.6999999999999994E-2</v>
      </c>
      <c r="Z19" s="1">
        <v>3.3999999999999998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52</v>
      </c>
      <c r="BD19" s="1">
        <v>0.56999999999999995</v>
      </c>
      <c r="BE19" s="1"/>
      <c r="BF19" s="1"/>
      <c r="BG19" s="1"/>
      <c r="BH19" s="1"/>
      <c r="BI19" s="1"/>
      <c r="BJ19" s="1"/>
      <c r="BK19" s="1"/>
      <c r="BL19" s="1"/>
      <c r="BM19" s="1">
        <v>0.05</v>
      </c>
      <c r="BN19" s="1">
        <v>6.4000000000000001E-2</v>
      </c>
      <c r="BO19" s="1"/>
      <c r="BP19" s="1"/>
      <c r="BQ19" s="1">
        <v>25.37</v>
      </c>
      <c r="BR19" s="1"/>
      <c r="BS19" s="1"/>
      <c r="BT19" s="1">
        <v>2.6</v>
      </c>
      <c r="BU19" s="1"/>
      <c r="BV19" s="1"/>
      <c r="BW19" s="1"/>
      <c r="BX19" s="1"/>
      <c r="BY19" s="1"/>
      <c r="BZ19" s="1"/>
    </row>
    <row r="20" spans="1:78" x14ac:dyDescent="0.15">
      <c r="B20" s="2">
        <v>0.36736111111111108</v>
      </c>
      <c r="C20" s="1" t="s">
        <v>478</v>
      </c>
      <c r="D20" s="1" t="s">
        <v>43</v>
      </c>
      <c r="E20" s="1" t="s">
        <v>70</v>
      </c>
      <c r="G20" s="1" t="s">
        <v>65</v>
      </c>
      <c r="J20" s="1" t="s">
        <v>173</v>
      </c>
      <c r="N20" s="1" t="s">
        <v>33</v>
      </c>
      <c r="P20" s="1" t="s">
        <v>35</v>
      </c>
      <c r="Q20" s="1" t="s">
        <v>40</v>
      </c>
      <c r="S20" s="1" t="s">
        <v>170</v>
      </c>
      <c r="U20" s="1">
        <v>6.1</v>
      </c>
      <c r="V20" s="1"/>
      <c r="W20" s="1"/>
      <c r="X20" s="1">
        <v>0.4</v>
      </c>
      <c r="Y20" s="1">
        <v>4.8000000000000001E-2</v>
      </c>
      <c r="Z20" s="1">
        <v>1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22</v>
      </c>
      <c r="BD20" s="1">
        <v>0.27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4.2999999999999997E-2</v>
      </c>
      <c r="BO20" s="1"/>
      <c r="BP20" s="1"/>
      <c r="BQ20" s="1">
        <v>31.05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6736111111111108</v>
      </c>
      <c r="C21" s="1" t="s">
        <v>553</v>
      </c>
      <c r="D21" s="1" t="s">
        <v>43</v>
      </c>
      <c r="E21" s="1" t="s">
        <v>70</v>
      </c>
      <c r="J21" s="1" t="s">
        <v>352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9444444444444443</v>
      </c>
      <c r="C22" s="1" t="s">
        <v>476</v>
      </c>
      <c r="D22" s="1" t="s">
        <v>43</v>
      </c>
      <c r="E22" s="1" t="s">
        <v>44</v>
      </c>
      <c r="F22" s="1" t="s">
        <v>184</v>
      </c>
      <c r="G22" s="1" t="s">
        <v>165</v>
      </c>
      <c r="J22" s="1" t="s">
        <v>30</v>
      </c>
      <c r="K22" s="1" t="s">
        <v>194</v>
      </c>
      <c r="M22" s="1" t="s">
        <v>352</v>
      </c>
      <c r="N22" s="1" t="s">
        <v>33</v>
      </c>
      <c r="O22" s="1" t="s">
        <v>208</v>
      </c>
      <c r="P22" s="1" t="s">
        <v>35</v>
      </c>
      <c r="Q22" s="1" t="s">
        <v>36</v>
      </c>
      <c r="S22" s="1" t="s">
        <v>201</v>
      </c>
      <c r="U22" s="1">
        <v>8.1999999999999993</v>
      </c>
      <c r="V22" s="1" t="s">
        <v>515</v>
      </c>
      <c r="W22" s="1" t="s">
        <v>508</v>
      </c>
      <c r="X22" s="1">
        <v>0.44</v>
      </c>
      <c r="Y22" s="1">
        <v>4.3999999999999997E-2</v>
      </c>
      <c r="Z22" s="1">
        <v>5.0000000000000001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2</v>
      </c>
      <c r="BC22" s="1">
        <v>0.2</v>
      </c>
      <c r="BD22" s="1">
        <v>0.25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2.9000000000000001E-2</v>
      </c>
      <c r="BO22" s="1"/>
      <c r="BP22" s="1"/>
      <c r="BQ22" s="1">
        <v>31.69</v>
      </c>
      <c r="BR22" s="1"/>
      <c r="BS22" s="1"/>
      <c r="BT22" s="1">
        <v>4</v>
      </c>
      <c r="BU22" s="1"/>
      <c r="BV22" s="1"/>
      <c r="BW22" s="1"/>
      <c r="BX22" s="1"/>
      <c r="BY22" s="1"/>
      <c r="BZ22" s="1"/>
    </row>
    <row r="23" spans="1:78" x14ac:dyDescent="0.15">
      <c r="B23" s="2">
        <v>0.39444444444444443</v>
      </c>
      <c r="C23" s="1" t="s">
        <v>478</v>
      </c>
      <c r="D23" s="1" t="s">
        <v>43</v>
      </c>
      <c r="E23" s="1" t="s">
        <v>44</v>
      </c>
      <c r="G23" s="1" t="s">
        <v>261</v>
      </c>
      <c r="J23" s="1" t="s">
        <v>117</v>
      </c>
      <c r="N23" s="1" t="s">
        <v>33</v>
      </c>
      <c r="P23" s="1" t="s">
        <v>35</v>
      </c>
      <c r="Q23" s="1" t="s">
        <v>36</v>
      </c>
      <c r="S23" s="1" t="s">
        <v>201</v>
      </c>
      <c r="U23" s="1">
        <v>7.2</v>
      </c>
      <c r="V23" s="1"/>
      <c r="W23" s="1"/>
      <c r="X23" s="1">
        <v>0.37</v>
      </c>
      <c r="Y23" s="1">
        <v>4.1000000000000002E-2</v>
      </c>
      <c r="Z23" s="1">
        <v>3.2000000000000002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2</v>
      </c>
      <c r="BC23" s="1">
        <v>0.16</v>
      </c>
      <c r="BD23" s="1">
        <v>0.21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2.9000000000000001E-2</v>
      </c>
      <c r="BO23" s="1"/>
      <c r="BP23" s="1"/>
      <c r="BQ23" s="1">
        <v>32.31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9444444444444443</v>
      </c>
      <c r="C24" s="1" t="s">
        <v>553</v>
      </c>
      <c r="D24" s="1" t="s">
        <v>43</v>
      </c>
      <c r="E24" s="1" t="s">
        <v>44</v>
      </c>
      <c r="J24" s="1" t="s">
        <v>186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37777777777777777</v>
      </c>
      <c r="C25" s="1" t="s">
        <v>476</v>
      </c>
      <c r="D25" s="1" t="s">
        <v>43</v>
      </c>
      <c r="E25" s="1" t="s">
        <v>107</v>
      </c>
      <c r="F25" s="1" t="s">
        <v>198</v>
      </c>
      <c r="G25" s="1" t="s">
        <v>242</v>
      </c>
      <c r="J25" s="1" t="s">
        <v>30</v>
      </c>
      <c r="K25" s="1" t="s">
        <v>90</v>
      </c>
      <c r="M25" s="1" t="s">
        <v>116</v>
      </c>
      <c r="N25" s="1" t="s">
        <v>33</v>
      </c>
      <c r="O25" s="1" t="s">
        <v>208</v>
      </c>
      <c r="P25" s="1" t="s">
        <v>35</v>
      </c>
      <c r="Q25" s="1" t="s">
        <v>36</v>
      </c>
      <c r="S25" s="1" t="s">
        <v>170</v>
      </c>
      <c r="U25" s="1">
        <v>8.3000000000000007</v>
      </c>
      <c r="V25" s="3">
        <v>49</v>
      </c>
      <c r="W25" s="1" t="s">
        <v>508</v>
      </c>
      <c r="X25" s="1">
        <v>0.45</v>
      </c>
      <c r="Y25" s="1">
        <v>3.7999999999999999E-2</v>
      </c>
      <c r="Z25" s="1">
        <v>2.3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2</v>
      </c>
      <c r="BC25" s="1">
        <v>0.16</v>
      </c>
      <c r="BD25" s="1">
        <v>0.21</v>
      </c>
      <c r="BE25" s="1"/>
      <c r="BF25" s="1"/>
      <c r="BG25" s="1"/>
      <c r="BH25" s="1"/>
      <c r="BI25" s="1"/>
      <c r="BJ25" s="1"/>
      <c r="BK25" s="1"/>
      <c r="BL25" s="1"/>
      <c r="BM25" s="1">
        <v>0.05</v>
      </c>
      <c r="BN25" s="1">
        <v>2.4E-2</v>
      </c>
      <c r="BO25" s="1"/>
      <c r="BP25" s="1"/>
      <c r="BQ25" s="1">
        <v>32.28</v>
      </c>
      <c r="BR25" s="1"/>
      <c r="BS25" s="1"/>
      <c r="BT25" s="1">
        <v>4.8</v>
      </c>
      <c r="BU25" s="1"/>
      <c r="BV25" s="1"/>
      <c r="BW25" s="1"/>
      <c r="BX25" s="1"/>
      <c r="BY25" s="1"/>
      <c r="BZ25" s="1"/>
    </row>
    <row r="26" spans="1:78" x14ac:dyDescent="0.15">
      <c r="B26" s="2">
        <v>0.37777777777777777</v>
      </c>
      <c r="C26" s="1" t="s">
        <v>478</v>
      </c>
      <c r="D26" s="1" t="s">
        <v>43</v>
      </c>
      <c r="E26" s="1" t="s">
        <v>107</v>
      </c>
      <c r="G26" s="1" t="s">
        <v>177</v>
      </c>
      <c r="J26" s="1" t="s">
        <v>95</v>
      </c>
      <c r="N26" s="1" t="s">
        <v>33</v>
      </c>
      <c r="P26" s="1" t="s">
        <v>35</v>
      </c>
      <c r="Q26" s="1" t="s">
        <v>36</v>
      </c>
      <c r="S26" s="1" t="s">
        <v>114</v>
      </c>
      <c r="U26" s="1">
        <v>7.6</v>
      </c>
      <c r="V26" s="1"/>
      <c r="W26" s="1"/>
      <c r="X26" s="1">
        <v>0.4</v>
      </c>
      <c r="Y26" s="1">
        <v>3.5999999999999997E-2</v>
      </c>
      <c r="Z26" s="1">
        <v>1.9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4000000000000001</v>
      </c>
      <c r="BD26" s="1">
        <v>0.19</v>
      </c>
      <c r="BE26" s="1"/>
      <c r="BF26" s="1"/>
      <c r="BG26" s="1"/>
      <c r="BH26" s="1"/>
      <c r="BI26" s="1"/>
      <c r="BJ26" s="1"/>
      <c r="BK26" s="1"/>
      <c r="BL26" s="1"/>
      <c r="BM26" s="1">
        <v>0.05</v>
      </c>
      <c r="BN26" s="1">
        <v>2.3E-2</v>
      </c>
      <c r="BO26" s="1"/>
      <c r="BP26" s="1"/>
      <c r="BQ26" s="1">
        <v>32.56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7777777777777777</v>
      </c>
      <c r="C27" s="1" t="s">
        <v>553</v>
      </c>
      <c r="D27" s="1" t="s">
        <v>43</v>
      </c>
      <c r="E27" s="1" t="s">
        <v>107</v>
      </c>
      <c r="J27" s="1" t="s">
        <v>96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36</v>
      </c>
      <c r="B28" s="2">
        <v>0.36944444444444446</v>
      </c>
      <c r="C28" s="1" t="s">
        <v>476</v>
      </c>
      <c r="D28" s="1" t="s">
        <v>27</v>
      </c>
      <c r="E28" s="1" t="s">
        <v>70</v>
      </c>
      <c r="F28" s="1" t="s">
        <v>187</v>
      </c>
      <c r="G28" s="1" t="s">
        <v>244</v>
      </c>
      <c r="J28" s="1" t="s">
        <v>30</v>
      </c>
      <c r="K28" s="1" t="s">
        <v>124</v>
      </c>
      <c r="M28" s="1" t="s">
        <v>171</v>
      </c>
      <c r="N28" s="1" t="s">
        <v>33</v>
      </c>
      <c r="O28" s="1" t="s">
        <v>208</v>
      </c>
      <c r="P28" s="1" t="s">
        <v>35</v>
      </c>
      <c r="Q28" s="1" t="s">
        <v>36</v>
      </c>
      <c r="S28" s="1" t="s">
        <v>54</v>
      </c>
      <c r="U28" s="1">
        <v>9.8000000000000007</v>
      </c>
      <c r="V28" s="1" t="s">
        <v>515</v>
      </c>
      <c r="W28" s="1" t="s">
        <v>508</v>
      </c>
      <c r="X28" s="1">
        <v>0.41</v>
      </c>
      <c r="Y28" s="1">
        <v>3.7999999999999999E-2</v>
      </c>
      <c r="Z28" s="1">
        <v>1.6000000000000001E-3</v>
      </c>
      <c r="AA28" t="s">
        <v>555</v>
      </c>
      <c r="AB28" t="s">
        <v>571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3</v>
      </c>
      <c r="BC28" s="1">
        <v>0.21</v>
      </c>
      <c r="BD28" s="1">
        <v>0.26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2.3E-2</v>
      </c>
      <c r="BO28" s="1"/>
      <c r="BP28" s="1"/>
      <c r="BQ28" s="1">
        <v>32.840000000000003</v>
      </c>
      <c r="BR28" s="1" t="s">
        <v>531</v>
      </c>
      <c r="BS28" s="1"/>
      <c r="BT28" s="1">
        <v>3.6</v>
      </c>
      <c r="BU28" s="1"/>
      <c r="BV28" s="1"/>
      <c r="BW28" s="1"/>
      <c r="BX28" s="1"/>
      <c r="BY28" s="1"/>
      <c r="BZ28" s="1"/>
    </row>
    <row r="29" spans="1:78" x14ac:dyDescent="0.15">
      <c r="B29" s="2">
        <v>0.36944444444444446</v>
      </c>
      <c r="C29" s="1" t="s">
        <v>478</v>
      </c>
      <c r="D29" s="1" t="s">
        <v>27</v>
      </c>
      <c r="E29" s="1" t="s">
        <v>70</v>
      </c>
      <c r="G29" s="1" t="s">
        <v>238</v>
      </c>
      <c r="J29" s="1" t="s">
        <v>178</v>
      </c>
      <c r="N29" s="1" t="s">
        <v>33</v>
      </c>
      <c r="P29" s="1" t="s">
        <v>35</v>
      </c>
      <c r="Q29" s="1" t="s">
        <v>36</v>
      </c>
      <c r="S29" s="1" t="s">
        <v>201</v>
      </c>
      <c r="U29" s="1">
        <v>9.5</v>
      </c>
      <c r="V29" s="1"/>
      <c r="W29" s="1"/>
      <c r="X29" s="1">
        <v>0.41</v>
      </c>
      <c r="Y29" s="1">
        <v>3.6999999999999998E-2</v>
      </c>
      <c r="Z29" s="1">
        <v>2.0999999999999999E-3</v>
      </c>
      <c r="AA29" t="s">
        <v>555</v>
      </c>
      <c r="AB29" t="s">
        <v>565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3</v>
      </c>
      <c r="BC29" s="1">
        <v>0.21</v>
      </c>
      <c r="BD29" s="1">
        <v>0.26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2.3E-2</v>
      </c>
      <c r="BO29" s="1"/>
      <c r="BP29" s="1"/>
      <c r="BQ29" s="1">
        <v>32.85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6944444444444446</v>
      </c>
      <c r="C30" s="1" t="s">
        <v>553</v>
      </c>
      <c r="D30" s="1" t="s">
        <v>27</v>
      </c>
      <c r="E30" s="1" t="s">
        <v>70</v>
      </c>
      <c r="J30" s="1" t="s">
        <v>186</v>
      </c>
      <c r="N30" s="1" t="s">
        <v>33</v>
      </c>
      <c r="U30" s="1"/>
      <c r="V30" s="1"/>
      <c r="W30" s="1"/>
      <c r="X30" s="1"/>
      <c r="Y30" s="1"/>
      <c r="Z30" s="1"/>
      <c r="AC30" s="1" t="s">
        <v>509</v>
      </c>
      <c r="AD30" s="1" t="s">
        <v>510</v>
      </c>
      <c r="AE30" s="1" t="s">
        <v>513</v>
      </c>
      <c r="AF30" s="1" t="s">
        <v>512</v>
      </c>
      <c r="AG30" s="1" t="s">
        <v>511</v>
      </c>
      <c r="AH30" s="1" t="s">
        <v>513</v>
      </c>
      <c r="AI30" s="1"/>
      <c r="AJ30" s="1"/>
      <c r="AK30" s="1" t="s">
        <v>514</v>
      </c>
      <c r="AL30" s="1" t="s">
        <v>514</v>
      </c>
      <c r="AM30" s="1" t="s">
        <v>514</v>
      </c>
      <c r="AN30" s="1" t="s">
        <v>514</v>
      </c>
      <c r="AO30" s="1" t="s">
        <v>514</v>
      </c>
      <c r="AP30" t="s">
        <v>514</v>
      </c>
      <c r="AQ30" s="1" t="s">
        <v>514</v>
      </c>
      <c r="AR30" s="1" t="s">
        <v>514</v>
      </c>
      <c r="AS30" s="1" t="s">
        <v>514</v>
      </c>
      <c r="AT30" s="1" t="s">
        <v>517</v>
      </c>
      <c r="AU30" s="1" t="s">
        <v>513</v>
      </c>
      <c r="AV30" s="1" t="s">
        <v>509</v>
      </c>
      <c r="AW30" s="1" t="s">
        <v>509</v>
      </c>
      <c r="AX30" s="1" t="s">
        <v>514</v>
      </c>
      <c r="AY30" s="1" t="s">
        <v>523</v>
      </c>
      <c r="AZ30" s="1"/>
      <c r="BA30" s="1"/>
      <c r="BB30" s="1"/>
      <c r="BC30" s="1"/>
      <c r="BD30" s="1"/>
      <c r="BE30" t="s">
        <v>511</v>
      </c>
      <c r="BF30" s="1" t="s">
        <v>511</v>
      </c>
      <c r="BG30" s="1">
        <v>1.9E-3</v>
      </c>
      <c r="BH30" s="1" t="s">
        <v>512</v>
      </c>
      <c r="BI30" s="1" t="s">
        <v>510</v>
      </c>
      <c r="BJ30" s="1"/>
      <c r="BK30" s="1" t="s">
        <v>513</v>
      </c>
      <c r="BL30" s="1" t="s">
        <v>518</v>
      </c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6944444444444446</v>
      </c>
      <c r="C31" s="1" t="s">
        <v>476</v>
      </c>
      <c r="D31" s="1" t="s">
        <v>51</v>
      </c>
      <c r="E31" s="1" t="s">
        <v>477</v>
      </c>
      <c r="F31" s="1" t="s">
        <v>186</v>
      </c>
      <c r="G31" s="1" t="s">
        <v>256</v>
      </c>
      <c r="J31" s="1" t="s">
        <v>30</v>
      </c>
      <c r="K31" s="1" t="s">
        <v>203</v>
      </c>
      <c r="M31" s="1" t="s">
        <v>64</v>
      </c>
      <c r="N31" s="1" t="s">
        <v>33</v>
      </c>
      <c r="O31" s="1" t="s">
        <v>208</v>
      </c>
      <c r="P31" s="1" t="s">
        <v>35</v>
      </c>
      <c r="Q31" s="1" t="s">
        <v>84</v>
      </c>
      <c r="S31" s="1" t="s">
        <v>54</v>
      </c>
      <c r="U31" s="1">
        <v>9.3000000000000007</v>
      </c>
      <c r="V31" s="1" t="s">
        <v>515</v>
      </c>
      <c r="W31" s="1" t="s">
        <v>508</v>
      </c>
      <c r="X31" s="1">
        <v>0.43</v>
      </c>
      <c r="Y31" s="1">
        <v>2.5000000000000001E-2</v>
      </c>
      <c r="Z31" s="1">
        <v>4.4999999999999997E-3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2</v>
      </c>
      <c r="BC31" s="1">
        <v>0.24</v>
      </c>
      <c r="BD31" s="1">
        <v>0.28999999999999998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1.2E-2</v>
      </c>
      <c r="BO31" s="1"/>
      <c r="BP31" s="1"/>
      <c r="BQ31" s="1">
        <v>32.659999999999997</v>
      </c>
      <c r="BR31" s="1"/>
      <c r="BS31" s="1"/>
      <c r="BT31" s="1">
        <v>2</v>
      </c>
      <c r="BU31" s="1"/>
      <c r="BV31" s="1"/>
      <c r="BW31" s="1"/>
      <c r="BX31" s="1"/>
      <c r="BY31" s="1"/>
      <c r="BZ31" s="1"/>
    </row>
    <row r="32" spans="1:78" x14ac:dyDescent="0.15">
      <c r="B32" s="2">
        <v>0.36944444444444446</v>
      </c>
      <c r="C32" s="1" t="s">
        <v>478</v>
      </c>
      <c r="D32" s="1" t="s">
        <v>51</v>
      </c>
      <c r="E32" s="1" t="s">
        <v>477</v>
      </c>
      <c r="G32" s="1" t="s">
        <v>268</v>
      </c>
      <c r="J32" s="1" t="s">
        <v>132</v>
      </c>
      <c r="N32" s="1" t="s">
        <v>33</v>
      </c>
      <c r="P32" s="1" t="s">
        <v>35</v>
      </c>
      <c r="Q32" s="1" t="s">
        <v>84</v>
      </c>
      <c r="S32" s="1" t="s">
        <v>54</v>
      </c>
      <c r="U32" s="1">
        <v>9.1999999999999993</v>
      </c>
      <c r="V32" s="1"/>
      <c r="W32" s="1"/>
      <c r="X32" s="1">
        <v>0.45</v>
      </c>
      <c r="Y32" s="1">
        <v>2.3E-2</v>
      </c>
      <c r="Z32" s="1">
        <v>5.3E-3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24</v>
      </c>
      <c r="BD32" s="1">
        <v>0.28999999999999998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0999999999999999E-2</v>
      </c>
      <c r="BO32" s="1"/>
      <c r="BP32" s="1"/>
      <c r="BQ32" s="1">
        <v>32.76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6944444444444446</v>
      </c>
      <c r="C33" s="1" t="s">
        <v>553</v>
      </c>
      <c r="D33" s="1" t="s">
        <v>51</v>
      </c>
      <c r="E33" s="1" t="s">
        <v>477</v>
      </c>
      <c r="J33" s="1" t="s">
        <v>171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756944444444445</v>
      </c>
      <c r="C34" s="1" t="s">
        <v>476</v>
      </c>
      <c r="D34" s="1" t="s">
        <v>43</v>
      </c>
      <c r="E34" s="1" t="s">
        <v>477</v>
      </c>
      <c r="F34" s="1" t="s">
        <v>129</v>
      </c>
      <c r="G34" s="1" t="s">
        <v>181</v>
      </c>
      <c r="J34" s="1" t="s">
        <v>30</v>
      </c>
      <c r="K34" s="1" t="s">
        <v>198</v>
      </c>
      <c r="M34" s="1" t="s">
        <v>352</v>
      </c>
      <c r="N34" s="1" t="s">
        <v>33</v>
      </c>
      <c r="O34" s="1" t="s">
        <v>208</v>
      </c>
      <c r="P34" s="1" t="s">
        <v>35</v>
      </c>
      <c r="Q34" s="1" t="s">
        <v>84</v>
      </c>
      <c r="S34" s="1" t="s">
        <v>170</v>
      </c>
      <c r="U34" s="1">
        <v>10.199999999999999</v>
      </c>
      <c r="V34" s="3">
        <v>23</v>
      </c>
      <c r="W34" s="1" t="s">
        <v>508</v>
      </c>
      <c r="X34" s="1">
        <v>0.52</v>
      </c>
      <c r="Y34" s="1">
        <v>2.1000000000000001E-2</v>
      </c>
      <c r="Z34" s="1">
        <v>1.9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3</v>
      </c>
      <c r="BD34" s="1">
        <v>0.35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4.0000000000000001E-3</v>
      </c>
      <c r="BO34" s="1"/>
      <c r="BP34" s="1"/>
      <c r="BQ34" s="1">
        <v>32.21</v>
      </c>
      <c r="BR34" s="1"/>
      <c r="BS34" s="1"/>
      <c r="BT34" s="1">
        <v>4.7</v>
      </c>
      <c r="BU34" s="1"/>
      <c r="BV34" s="1"/>
      <c r="BW34" s="1"/>
      <c r="BX34" s="1"/>
      <c r="BY34" s="1"/>
      <c r="BZ34" s="1"/>
    </row>
    <row r="35" spans="1:78" x14ac:dyDescent="0.15">
      <c r="B35" s="2">
        <v>0.3756944444444445</v>
      </c>
      <c r="C35" s="1" t="s">
        <v>478</v>
      </c>
      <c r="D35" s="1" t="s">
        <v>43</v>
      </c>
      <c r="E35" s="1" t="s">
        <v>477</v>
      </c>
      <c r="G35" s="1" t="s">
        <v>266</v>
      </c>
      <c r="J35" s="1" t="s">
        <v>212</v>
      </c>
      <c r="N35" s="1" t="s">
        <v>33</v>
      </c>
      <c r="P35" s="1" t="s">
        <v>35</v>
      </c>
      <c r="Q35" s="1" t="s">
        <v>84</v>
      </c>
      <c r="S35" s="1" t="s">
        <v>54</v>
      </c>
      <c r="U35" s="1">
        <v>9.3000000000000007</v>
      </c>
      <c r="V35" s="1"/>
      <c r="W35" s="1"/>
      <c r="X35" s="1">
        <v>0.46</v>
      </c>
      <c r="Y35" s="1">
        <v>2.3E-2</v>
      </c>
      <c r="Z35" s="1">
        <v>4.4000000000000003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27</v>
      </c>
      <c r="BD35" s="1">
        <v>0.32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8.9999999999999993E-3</v>
      </c>
      <c r="BO35" s="1"/>
      <c r="BP35" s="1"/>
      <c r="BQ35" s="1">
        <v>32.6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756944444444445</v>
      </c>
      <c r="C36" s="1" t="s">
        <v>553</v>
      </c>
      <c r="D36" s="1" t="s">
        <v>43</v>
      </c>
      <c r="E36" s="1" t="s">
        <v>477</v>
      </c>
      <c r="J36" s="1" t="s">
        <v>217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1" spans="21:21" x14ac:dyDescent="0.15">
      <c r="U1481" s="1"/>
    </row>
    <row r="1482" spans="21:21" x14ac:dyDescent="0.15">
      <c r="U1482" s="1"/>
    </row>
    <row r="1483" spans="21:21" x14ac:dyDescent="0.15">
      <c r="U1483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</sheetData>
  <phoneticPr fontId="18"/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64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94</v>
      </c>
      <c r="E1" s="1" t="s">
        <v>2</v>
      </c>
      <c r="F1" s="1" t="s">
        <v>488</v>
      </c>
      <c r="G1" s="1" t="s">
        <v>3</v>
      </c>
      <c r="H1" s="1" t="s">
        <v>48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6</v>
      </c>
      <c r="AB2" s="1" t="s">
        <v>551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42222222222222222</v>
      </c>
      <c r="C4" s="1" t="s">
        <v>476</v>
      </c>
      <c r="D4" s="1" t="s">
        <v>27</v>
      </c>
      <c r="E4" s="1" t="s">
        <v>477</v>
      </c>
      <c r="F4" s="1" t="s">
        <v>98</v>
      </c>
      <c r="G4" s="1" t="s">
        <v>143</v>
      </c>
      <c r="J4" s="1" t="s">
        <v>30</v>
      </c>
      <c r="K4" s="1" t="s">
        <v>353</v>
      </c>
      <c r="M4" s="1" t="s">
        <v>111</v>
      </c>
      <c r="N4" s="1" t="s">
        <v>33</v>
      </c>
      <c r="O4" s="1" t="s">
        <v>157</v>
      </c>
      <c r="P4" s="1" t="s">
        <v>35</v>
      </c>
      <c r="Q4" s="1" t="s">
        <v>84</v>
      </c>
      <c r="S4" s="1" t="s">
        <v>137</v>
      </c>
      <c r="U4" s="1">
        <v>10.1</v>
      </c>
      <c r="V4" s="3">
        <v>5</v>
      </c>
      <c r="W4" s="1" t="s">
        <v>508</v>
      </c>
      <c r="X4" s="1">
        <v>0.48</v>
      </c>
      <c r="Y4" s="1">
        <v>4.3999999999999997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0.21</v>
      </c>
      <c r="BD4" s="1">
        <v>0.26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1.4E-2</v>
      </c>
      <c r="BO4" s="1"/>
      <c r="BP4" s="1"/>
      <c r="BQ4" s="1">
        <v>31.8</v>
      </c>
      <c r="BR4" s="1"/>
      <c r="BS4" s="1"/>
      <c r="BT4" s="1">
        <v>16</v>
      </c>
      <c r="BU4" s="1"/>
      <c r="BV4" s="1"/>
      <c r="BW4" s="1"/>
      <c r="BX4" s="1"/>
      <c r="BY4" s="1"/>
      <c r="BZ4" s="1"/>
    </row>
    <row r="5" spans="1:78" x14ac:dyDescent="0.15">
      <c r="B5" s="2">
        <v>0.42222222222222222</v>
      </c>
      <c r="C5" s="1" t="s">
        <v>478</v>
      </c>
      <c r="D5" s="1" t="s">
        <v>27</v>
      </c>
      <c r="E5" s="1" t="s">
        <v>477</v>
      </c>
      <c r="G5" s="1" t="s">
        <v>138</v>
      </c>
      <c r="J5" s="1" t="s">
        <v>112</v>
      </c>
      <c r="N5" s="1" t="s">
        <v>33</v>
      </c>
      <c r="P5" s="1" t="s">
        <v>35</v>
      </c>
      <c r="Q5" s="1" t="s">
        <v>84</v>
      </c>
      <c r="S5" s="1" t="s">
        <v>126</v>
      </c>
      <c r="U5" s="1">
        <v>10</v>
      </c>
      <c r="V5" s="1"/>
      <c r="W5" s="1"/>
      <c r="X5" s="1">
        <v>0.46</v>
      </c>
      <c r="Y5" s="1">
        <v>4.1000000000000002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2</v>
      </c>
      <c r="BD5" s="1">
        <v>0.25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1.7000000000000001E-2</v>
      </c>
      <c r="BO5" s="1"/>
      <c r="BP5" s="1"/>
      <c r="BQ5" s="1">
        <v>31.91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43611111111111112</v>
      </c>
      <c r="C6" s="1" t="s">
        <v>476</v>
      </c>
      <c r="D6" s="1" t="s">
        <v>43</v>
      </c>
      <c r="E6" s="1" t="s">
        <v>44</v>
      </c>
      <c r="F6" s="1" t="s">
        <v>110</v>
      </c>
      <c r="G6" s="1" t="s">
        <v>140</v>
      </c>
      <c r="J6" s="1" t="s">
        <v>30</v>
      </c>
      <c r="K6" s="1" t="s">
        <v>354</v>
      </c>
      <c r="M6" s="1" t="s">
        <v>101</v>
      </c>
      <c r="N6" s="1" t="s">
        <v>33</v>
      </c>
      <c r="O6" s="1" t="s">
        <v>157</v>
      </c>
      <c r="P6" s="1" t="s">
        <v>35</v>
      </c>
      <c r="Q6" s="1" t="s">
        <v>63</v>
      </c>
      <c r="S6" s="1" t="s">
        <v>180</v>
      </c>
      <c r="U6" s="1">
        <v>9.1999999999999993</v>
      </c>
      <c r="V6" s="3">
        <v>490</v>
      </c>
      <c r="W6" s="1" t="s">
        <v>508</v>
      </c>
      <c r="X6" s="1">
        <v>0.49</v>
      </c>
      <c r="Y6" s="1">
        <v>2.800000000000000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3</v>
      </c>
      <c r="BC6" s="1">
        <v>0.25</v>
      </c>
      <c r="BD6" s="1">
        <v>0.3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8.9999999999999993E-3</v>
      </c>
      <c r="BO6" s="1"/>
      <c r="BP6" s="1"/>
      <c r="BQ6" s="1">
        <v>30.19</v>
      </c>
      <c r="BR6" s="1"/>
      <c r="BS6" s="1"/>
      <c r="BT6" s="1">
        <v>8.4</v>
      </c>
      <c r="BU6" s="1"/>
      <c r="BV6" s="1"/>
      <c r="BW6" s="1"/>
      <c r="BX6" s="1"/>
      <c r="BY6" s="1"/>
      <c r="BZ6" s="1"/>
    </row>
    <row r="7" spans="1:78" x14ac:dyDescent="0.15">
      <c r="B7" s="2">
        <v>0.43611111111111112</v>
      </c>
      <c r="C7" s="1" t="s">
        <v>478</v>
      </c>
      <c r="D7" s="1" t="s">
        <v>43</v>
      </c>
      <c r="E7" s="1" t="s">
        <v>44</v>
      </c>
      <c r="G7" s="1" t="s">
        <v>56</v>
      </c>
      <c r="J7" s="1" t="s">
        <v>184</v>
      </c>
      <c r="N7" s="1" t="s">
        <v>33</v>
      </c>
      <c r="P7" s="1" t="s">
        <v>35</v>
      </c>
      <c r="Q7" s="1" t="s">
        <v>84</v>
      </c>
      <c r="S7" s="1" t="s">
        <v>111</v>
      </c>
      <c r="U7" s="1">
        <v>7.9</v>
      </c>
      <c r="V7" s="1"/>
      <c r="W7" s="1"/>
      <c r="X7" s="1">
        <v>0.35</v>
      </c>
      <c r="Y7" s="1">
        <v>2.199999999999999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2</v>
      </c>
      <c r="BC7" s="1">
        <v>0.15</v>
      </c>
      <c r="BD7" s="1">
        <v>0.2</v>
      </c>
      <c r="BE7" s="1"/>
      <c r="BF7" s="1"/>
      <c r="BG7" s="1"/>
      <c r="BH7" s="1"/>
      <c r="BI7" s="1"/>
      <c r="BJ7" s="1"/>
      <c r="BK7" s="1"/>
      <c r="BL7" s="1"/>
      <c r="BM7" s="1">
        <v>0.04</v>
      </c>
      <c r="BN7" s="1">
        <v>1.0999999999999999E-2</v>
      </c>
      <c r="BO7" s="1"/>
      <c r="BP7" s="1"/>
      <c r="BQ7" s="1">
        <v>31.69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41319444444444442</v>
      </c>
      <c r="C8" s="1" t="s">
        <v>476</v>
      </c>
      <c r="D8" s="1" t="s">
        <v>51</v>
      </c>
      <c r="E8" s="1" t="s">
        <v>477</v>
      </c>
      <c r="F8" s="1" t="s">
        <v>353</v>
      </c>
      <c r="G8" s="1" t="s">
        <v>89</v>
      </c>
      <c r="J8" s="1" t="s">
        <v>30</v>
      </c>
      <c r="K8" s="1" t="s">
        <v>218</v>
      </c>
      <c r="M8" s="1" t="s">
        <v>131</v>
      </c>
      <c r="N8" s="1" t="s">
        <v>33</v>
      </c>
      <c r="O8" s="1" t="s">
        <v>157</v>
      </c>
      <c r="P8" s="1" t="s">
        <v>35</v>
      </c>
      <c r="Q8" s="1" t="s">
        <v>146</v>
      </c>
      <c r="S8" s="1" t="s">
        <v>119</v>
      </c>
      <c r="U8" s="1">
        <v>10</v>
      </c>
      <c r="V8" s="1" t="s">
        <v>515</v>
      </c>
      <c r="W8" s="1" t="s">
        <v>508</v>
      </c>
      <c r="X8" s="1">
        <v>0.34</v>
      </c>
      <c r="Y8" s="1">
        <v>3.3000000000000002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0</v>
      </c>
      <c r="BC8" s="1" t="s">
        <v>51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 t="s">
        <v>518</v>
      </c>
      <c r="BO8" s="1"/>
      <c r="BP8" s="1"/>
      <c r="BQ8" s="1">
        <v>30.33</v>
      </c>
      <c r="BR8" s="1"/>
      <c r="BS8" s="1"/>
      <c r="BT8" s="1">
        <v>14</v>
      </c>
      <c r="BU8" s="1"/>
      <c r="BV8" s="1"/>
      <c r="BW8" s="1"/>
      <c r="BX8" s="1"/>
      <c r="BY8" s="1"/>
      <c r="BZ8" s="1"/>
    </row>
    <row r="9" spans="1:78" x14ac:dyDescent="0.15">
      <c r="B9" s="2">
        <v>0.41319444444444442</v>
      </c>
      <c r="C9" s="1" t="s">
        <v>478</v>
      </c>
      <c r="D9" s="1" t="s">
        <v>51</v>
      </c>
      <c r="E9" s="1" t="s">
        <v>477</v>
      </c>
      <c r="G9" s="1" t="s">
        <v>216</v>
      </c>
      <c r="J9" s="1" t="s">
        <v>108</v>
      </c>
      <c r="N9" s="1" t="s">
        <v>33</v>
      </c>
      <c r="P9" s="1" t="s">
        <v>35</v>
      </c>
      <c r="Q9" s="1" t="s">
        <v>36</v>
      </c>
      <c r="S9" s="1" t="s">
        <v>201</v>
      </c>
      <c r="U9" s="1">
        <v>6.2</v>
      </c>
      <c r="V9" s="1"/>
      <c r="W9" s="1"/>
      <c r="X9" s="1">
        <v>0.25</v>
      </c>
      <c r="Y9" s="1">
        <v>0.04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7.0000000000000007E-2</v>
      </c>
      <c r="BD9" s="1">
        <v>0.12</v>
      </c>
      <c r="BE9" s="1"/>
      <c r="BF9" s="1"/>
      <c r="BG9" s="1"/>
      <c r="BH9" s="1"/>
      <c r="BI9" s="1"/>
      <c r="BJ9" s="1"/>
      <c r="BK9" s="1"/>
      <c r="BL9" s="1"/>
      <c r="BM9" s="1">
        <v>0.04</v>
      </c>
      <c r="BN9" s="1">
        <v>2.8000000000000001E-2</v>
      </c>
      <c r="BO9" s="1"/>
      <c r="BP9" s="1"/>
      <c r="BQ9" s="1">
        <v>33.979999999999997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3263888888888885</v>
      </c>
      <c r="C10" s="1" t="s">
        <v>476</v>
      </c>
      <c r="D10" s="1" t="s">
        <v>27</v>
      </c>
      <c r="E10" s="1" t="s">
        <v>477</v>
      </c>
      <c r="F10" s="1" t="s">
        <v>158</v>
      </c>
      <c r="G10" s="1" t="s">
        <v>151</v>
      </c>
      <c r="J10" s="1" t="s">
        <v>30</v>
      </c>
      <c r="K10" s="1" t="s">
        <v>108</v>
      </c>
      <c r="M10" s="1" t="s">
        <v>111</v>
      </c>
      <c r="N10" s="1" t="s">
        <v>33</v>
      </c>
      <c r="O10" s="1" t="s">
        <v>157</v>
      </c>
      <c r="P10" s="1" t="s">
        <v>35</v>
      </c>
      <c r="Q10" s="1" t="s">
        <v>63</v>
      </c>
      <c r="S10" s="1" t="s">
        <v>169</v>
      </c>
      <c r="U10" s="1">
        <v>8.6</v>
      </c>
      <c r="V10" s="1" t="s">
        <v>515</v>
      </c>
      <c r="W10" s="1" t="s">
        <v>508</v>
      </c>
      <c r="X10" s="1">
        <v>0.32</v>
      </c>
      <c r="Y10" s="1">
        <v>3.2000000000000001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>
        <v>0.02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3.0000000000000001E-3</v>
      </c>
      <c r="BO10" s="1"/>
      <c r="BP10" s="1"/>
      <c r="BQ10" s="1">
        <v>31.21</v>
      </c>
      <c r="BR10" s="1" t="s">
        <v>531</v>
      </c>
      <c r="BS10" s="1" t="s">
        <v>511</v>
      </c>
      <c r="BT10" s="1">
        <v>15</v>
      </c>
      <c r="BU10" s="1"/>
      <c r="BV10" s="1"/>
      <c r="BW10" s="1"/>
      <c r="BX10" s="1"/>
      <c r="BY10" s="1"/>
      <c r="BZ10" s="1"/>
    </row>
    <row r="11" spans="1:78" x14ac:dyDescent="0.15">
      <c r="B11" s="2">
        <v>0.43263888888888885</v>
      </c>
      <c r="C11" s="1" t="s">
        <v>478</v>
      </c>
      <c r="D11" s="1" t="s">
        <v>27</v>
      </c>
      <c r="E11" s="1" t="s">
        <v>477</v>
      </c>
      <c r="G11" s="1" t="s">
        <v>306</v>
      </c>
      <c r="J11" s="1" t="s">
        <v>136</v>
      </c>
      <c r="N11" s="1" t="s">
        <v>33</v>
      </c>
      <c r="P11" s="1" t="s">
        <v>35</v>
      </c>
      <c r="Q11" s="1" t="s">
        <v>40</v>
      </c>
      <c r="S11" s="1" t="s">
        <v>126</v>
      </c>
      <c r="U11" s="1">
        <v>5.0999999999999996</v>
      </c>
      <c r="V11" s="1"/>
      <c r="W11" s="1"/>
      <c r="X11" s="1">
        <v>0.36</v>
      </c>
      <c r="Y11" s="1">
        <v>4.5999999999999999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2</v>
      </c>
      <c r="BC11" s="1">
        <v>0.09</v>
      </c>
      <c r="BD11" s="1">
        <v>0.14000000000000001</v>
      </c>
      <c r="BE11" s="1"/>
      <c r="BF11" s="1"/>
      <c r="BG11" s="1"/>
      <c r="BH11" s="1"/>
      <c r="BI11" s="1"/>
      <c r="BJ11" s="1"/>
      <c r="BK11" s="1"/>
      <c r="BL11" s="1"/>
      <c r="BM11" s="1">
        <v>0.09</v>
      </c>
      <c r="BN11" s="1">
        <v>3.7999999999999999E-2</v>
      </c>
      <c r="BO11" s="1"/>
      <c r="BP11" s="1"/>
      <c r="BQ11" s="1">
        <v>32.24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3263888888888885</v>
      </c>
      <c r="C12" s="1" t="s">
        <v>553</v>
      </c>
      <c r="D12" s="1" t="s">
        <v>27</v>
      </c>
      <c r="E12" s="1" t="s">
        <v>477</v>
      </c>
      <c r="J12" s="1" t="s">
        <v>285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 t="s">
        <v>509</v>
      </c>
      <c r="AD12" s="1" t="s">
        <v>510</v>
      </c>
      <c r="AE12" s="1">
        <v>5.0000000000000001E-4</v>
      </c>
      <c r="AF12" s="1" t="s">
        <v>512</v>
      </c>
      <c r="AG12" s="1" t="s">
        <v>511</v>
      </c>
      <c r="AH12" s="1" t="s">
        <v>513</v>
      </c>
      <c r="AI12" s="1"/>
      <c r="AJ12" s="1" t="s">
        <v>513</v>
      </c>
      <c r="AK12" s="1" t="s">
        <v>514</v>
      </c>
      <c r="AL12" s="1" t="s">
        <v>514</v>
      </c>
      <c r="AM12" s="1" t="s">
        <v>514</v>
      </c>
      <c r="AN12" s="1" t="s">
        <v>514</v>
      </c>
      <c r="AO12" s="1" t="s">
        <v>514</v>
      </c>
      <c r="AP12" t="s">
        <v>514</v>
      </c>
      <c r="AQ12" s="1" t="s">
        <v>514</v>
      </c>
      <c r="AR12" s="1" t="s">
        <v>514</v>
      </c>
      <c r="AS12" s="1" t="s">
        <v>514</v>
      </c>
      <c r="AT12" s="1" t="s">
        <v>517</v>
      </c>
      <c r="AU12" s="1" t="s">
        <v>513</v>
      </c>
      <c r="AV12" s="1" t="s">
        <v>509</v>
      </c>
      <c r="AW12" s="1" t="s">
        <v>509</v>
      </c>
      <c r="AX12" s="1" t="s">
        <v>514</v>
      </c>
      <c r="AY12" s="1" t="s">
        <v>523</v>
      </c>
      <c r="AZ12" s="1"/>
      <c r="BA12" s="1"/>
      <c r="BB12" s="1"/>
      <c r="BC12" s="1"/>
      <c r="BD12" s="1"/>
      <c r="BE12" s="1" t="s">
        <v>511</v>
      </c>
      <c r="BF12" s="1" t="s">
        <v>511</v>
      </c>
      <c r="BG12" s="1">
        <v>1E-3</v>
      </c>
      <c r="BH12" s="1" t="s">
        <v>512</v>
      </c>
      <c r="BI12" s="1" t="s">
        <v>510</v>
      </c>
      <c r="BJ12" s="1"/>
      <c r="BK12" s="1" t="s">
        <v>513</v>
      </c>
      <c r="BL12" s="1" t="s">
        <v>518</v>
      </c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51180555555555551</v>
      </c>
      <c r="C13" s="1" t="s">
        <v>476</v>
      </c>
      <c r="D13" s="1" t="s">
        <v>27</v>
      </c>
      <c r="E13" s="1" t="s">
        <v>70</v>
      </c>
      <c r="F13" s="1" t="s">
        <v>355</v>
      </c>
      <c r="G13" s="1" t="s">
        <v>349</v>
      </c>
      <c r="J13" s="1" t="s">
        <v>30</v>
      </c>
      <c r="K13" s="1" t="s">
        <v>184</v>
      </c>
      <c r="M13" s="1" t="s">
        <v>111</v>
      </c>
      <c r="N13" s="1" t="s">
        <v>33</v>
      </c>
      <c r="O13" s="1" t="s">
        <v>157</v>
      </c>
      <c r="P13" s="1" t="s">
        <v>35</v>
      </c>
      <c r="Q13" s="1" t="s">
        <v>55</v>
      </c>
      <c r="S13" s="1" t="s">
        <v>182</v>
      </c>
      <c r="U13" s="1">
        <v>9</v>
      </c>
      <c r="V13" s="1" t="s">
        <v>515</v>
      </c>
      <c r="W13" s="1" t="s">
        <v>508</v>
      </c>
      <c r="X13" s="1">
        <v>0.42</v>
      </c>
      <c r="Y13" s="1">
        <v>4.1000000000000002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 t="s">
        <v>518</v>
      </c>
      <c r="BO13" s="1"/>
      <c r="BP13" s="1"/>
      <c r="BQ13" s="1">
        <v>30.44</v>
      </c>
      <c r="BR13" s="1"/>
      <c r="BS13" s="1"/>
      <c r="BT13" s="1">
        <v>10</v>
      </c>
      <c r="BU13" s="1"/>
      <c r="BV13" s="1"/>
      <c r="BW13" s="1"/>
      <c r="BX13" s="1"/>
      <c r="BY13" s="1"/>
      <c r="BZ13" s="1"/>
    </row>
    <row r="14" spans="1:78" x14ac:dyDescent="0.15">
      <c r="B14" s="2">
        <v>0.51180555555555551</v>
      </c>
      <c r="C14" s="1" t="s">
        <v>478</v>
      </c>
      <c r="D14" s="1" t="s">
        <v>27</v>
      </c>
      <c r="E14" s="1" t="s">
        <v>70</v>
      </c>
      <c r="G14" s="1" t="s">
        <v>324</v>
      </c>
      <c r="J14" s="1" t="s">
        <v>242</v>
      </c>
      <c r="N14" s="1" t="s">
        <v>33</v>
      </c>
      <c r="P14" s="1" t="s">
        <v>35</v>
      </c>
      <c r="Q14" s="1" t="s">
        <v>36</v>
      </c>
      <c r="S14" s="1" t="s">
        <v>91</v>
      </c>
      <c r="U14" s="1">
        <v>5.7</v>
      </c>
      <c r="V14" s="1"/>
      <c r="W14" s="1"/>
      <c r="X14" s="1">
        <v>0.47</v>
      </c>
      <c r="Y14" s="1">
        <v>3.7999999999999999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08</v>
      </c>
      <c r="BD14" s="1">
        <v>0.13</v>
      </c>
      <c r="BE14" s="1"/>
      <c r="BF14" s="1"/>
      <c r="BG14" s="1"/>
      <c r="BH14" s="1"/>
      <c r="BI14" s="1"/>
      <c r="BJ14" s="1"/>
      <c r="BK14" s="1"/>
      <c r="BL14" s="1"/>
      <c r="BM14" s="1">
        <v>0.04</v>
      </c>
      <c r="BN14" s="1">
        <v>1.7999999999999999E-2</v>
      </c>
      <c r="BO14" s="1"/>
      <c r="BP14" s="1"/>
      <c r="BQ14" s="1">
        <v>33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51180555555555551</v>
      </c>
      <c r="C15" s="1" t="s">
        <v>553</v>
      </c>
      <c r="D15" s="1" t="s">
        <v>27</v>
      </c>
      <c r="E15" s="1" t="s">
        <v>70</v>
      </c>
      <c r="J15" s="1" t="s">
        <v>76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9930555555555558</v>
      </c>
      <c r="C16" s="1" t="s">
        <v>476</v>
      </c>
      <c r="D16" s="1" t="s">
        <v>43</v>
      </c>
      <c r="E16" s="1" t="s">
        <v>477</v>
      </c>
      <c r="F16" s="1" t="s">
        <v>344</v>
      </c>
      <c r="G16" s="1" t="s">
        <v>160</v>
      </c>
      <c r="J16" s="1" t="s">
        <v>30</v>
      </c>
      <c r="K16" s="1" t="s">
        <v>353</v>
      </c>
      <c r="M16" s="1" t="s">
        <v>169</v>
      </c>
      <c r="N16" s="1" t="s">
        <v>33</v>
      </c>
      <c r="O16" s="1" t="s">
        <v>208</v>
      </c>
      <c r="P16" s="1" t="s">
        <v>35</v>
      </c>
      <c r="Q16" s="1" t="s">
        <v>36</v>
      </c>
      <c r="S16" s="1" t="s">
        <v>91</v>
      </c>
      <c r="U16" s="1">
        <v>7</v>
      </c>
      <c r="V16" s="3">
        <v>23</v>
      </c>
      <c r="W16" s="1" t="s">
        <v>508</v>
      </c>
      <c r="X16" s="1">
        <v>0.3</v>
      </c>
      <c r="Y16" s="1">
        <v>5.0999999999999997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1</v>
      </c>
      <c r="BD16" s="1">
        <v>0.15</v>
      </c>
      <c r="BE16" s="1"/>
      <c r="BF16" s="1"/>
      <c r="BG16" s="1"/>
      <c r="BH16" s="1"/>
      <c r="BI16" s="1"/>
      <c r="BJ16" s="1"/>
      <c r="BK16" s="1"/>
      <c r="BL16" s="1"/>
      <c r="BM16" s="1" t="s">
        <v>533</v>
      </c>
      <c r="BN16" s="1">
        <v>3.1E-2</v>
      </c>
      <c r="BO16" s="1"/>
      <c r="BP16" s="1"/>
      <c r="BQ16" s="1">
        <v>31.74</v>
      </c>
      <c r="BR16" s="1"/>
      <c r="BS16" s="1"/>
      <c r="BT16" s="1">
        <v>5.6</v>
      </c>
      <c r="BU16" s="1"/>
      <c r="BV16" s="1"/>
      <c r="BW16" s="1"/>
      <c r="BX16" s="1"/>
      <c r="BY16" s="1"/>
      <c r="BZ16" s="1"/>
    </row>
    <row r="17" spans="1:78" x14ac:dyDescent="0.15">
      <c r="B17" s="2">
        <v>0.39930555555555558</v>
      </c>
      <c r="C17" s="1" t="s">
        <v>478</v>
      </c>
      <c r="D17" s="1" t="s">
        <v>43</v>
      </c>
      <c r="E17" s="1" t="s">
        <v>477</v>
      </c>
      <c r="G17" s="1" t="s">
        <v>305</v>
      </c>
      <c r="J17" s="1" t="s">
        <v>112</v>
      </c>
      <c r="N17" s="1" t="s">
        <v>33</v>
      </c>
      <c r="P17" s="1" t="s">
        <v>35</v>
      </c>
      <c r="Q17" s="1" t="s">
        <v>40</v>
      </c>
      <c r="S17" s="1" t="s">
        <v>57</v>
      </c>
      <c r="U17" s="1">
        <v>4.9000000000000004</v>
      </c>
      <c r="V17" s="1"/>
      <c r="W17" s="1"/>
      <c r="X17" s="1">
        <v>0.32</v>
      </c>
      <c r="Y17" s="1">
        <v>0.06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12</v>
      </c>
      <c r="BD17" s="1">
        <v>0.17</v>
      </c>
      <c r="BE17" s="1"/>
      <c r="BF17" s="1"/>
      <c r="BG17" s="1"/>
      <c r="BH17" s="1"/>
      <c r="BI17" s="1"/>
      <c r="BJ17" s="1"/>
      <c r="BK17" s="1"/>
      <c r="BL17" s="1"/>
      <c r="BM17" s="1">
        <v>0.04</v>
      </c>
      <c r="BN17" s="1">
        <v>4.7E-2</v>
      </c>
      <c r="BO17" s="1"/>
      <c r="BP17" s="1"/>
      <c r="BQ17" s="1">
        <v>32.06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9930555555555558</v>
      </c>
      <c r="C18" s="1" t="s">
        <v>553</v>
      </c>
      <c r="D18" s="1" t="s">
        <v>43</v>
      </c>
      <c r="E18" s="1" t="s">
        <v>477</v>
      </c>
      <c r="J18" s="1" t="s">
        <v>302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152777777777778</v>
      </c>
      <c r="C19" s="1" t="s">
        <v>476</v>
      </c>
      <c r="D19" s="1" t="s">
        <v>27</v>
      </c>
      <c r="E19" s="1" t="s">
        <v>70</v>
      </c>
      <c r="F19" s="1" t="s">
        <v>232</v>
      </c>
      <c r="G19" s="1" t="s">
        <v>65</v>
      </c>
      <c r="J19" s="1" t="s">
        <v>30</v>
      </c>
      <c r="K19" s="1" t="s">
        <v>353</v>
      </c>
      <c r="M19" s="1" t="s">
        <v>169</v>
      </c>
      <c r="N19" s="1" t="s">
        <v>33</v>
      </c>
      <c r="O19" s="1" t="s">
        <v>157</v>
      </c>
      <c r="P19" s="1" t="s">
        <v>35</v>
      </c>
      <c r="Q19" s="1" t="s">
        <v>40</v>
      </c>
      <c r="S19" s="1" t="s">
        <v>137</v>
      </c>
      <c r="U19" s="1">
        <v>7.5</v>
      </c>
      <c r="V19" s="3">
        <v>490</v>
      </c>
      <c r="W19" s="1" t="s">
        <v>508</v>
      </c>
      <c r="X19" s="1">
        <v>0.91</v>
      </c>
      <c r="Y19" s="1">
        <v>0.09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59</v>
      </c>
      <c r="BD19" s="1">
        <v>0.64</v>
      </c>
      <c r="BE19" s="1"/>
      <c r="BF19" s="1"/>
      <c r="BG19" s="1"/>
      <c r="BH19" s="1"/>
      <c r="BI19" s="1"/>
      <c r="BJ19" s="1"/>
      <c r="BK19" s="1"/>
      <c r="BL19" s="1"/>
      <c r="BM19" s="1">
        <v>7.0000000000000007E-2</v>
      </c>
      <c r="BN19" s="1">
        <v>6.6000000000000003E-2</v>
      </c>
      <c r="BO19" s="1"/>
      <c r="BP19" s="1"/>
      <c r="BQ19" s="1">
        <v>24.11</v>
      </c>
      <c r="BR19" s="1"/>
      <c r="BS19" s="1"/>
      <c r="BT19" s="1">
        <v>2.8</v>
      </c>
      <c r="BU19" s="1"/>
      <c r="BV19" s="1"/>
      <c r="BW19" s="1"/>
      <c r="BX19" s="1"/>
      <c r="BY19" s="1"/>
      <c r="BZ19" s="1"/>
    </row>
    <row r="20" spans="1:78" x14ac:dyDescent="0.15">
      <c r="B20" s="2">
        <v>0.4152777777777778</v>
      </c>
      <c r="C20" s="1" t="s">
        <v>478</v>
      </c>
      <c r="D20" s="1" t="s">
        <v>27</v>
      </c>
      <c r="E20" s="1" t="s">
        <v>70</v>
      </c>
      <c r="G20" s="1" t="s">
        <v>323</v>
      </c>
      <c r="J20" s="1" t="s">
        <v>112</v>
      </c>
      <c r="N20" s="1" t="s">
        <v>33</v>
      </c>
      <c r="P20" s="1" t="s">
        <v>35</v>
      </c>
      <c r="Q20" s="1" t="s">
        <v>40</v>
      </c>
      <c r="S20" s="1" t="s">
        <v>54</v>
      </c>
      <c r="U20" s="1">
        <v>5.7</v>
      </c>
      <c r="V20" s="1"/>
      <c r="W20" s="1"/>
      <c r="X20" s="1">
        <v>0.36</v>
      </c>
      <c r="Y20" s="1">
        <v>5.5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18</v>
      </c>
      <c r="BD20" s="1">
        <v>0.23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4.4999999999999998E-2</v>
      </c>
      <c r="BO20" s="1"/>
      <c r="BP20" s="1"/>
      <c r="BQ20" s="1">
        <v>31.97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152777777777778</v>
      </c>
      <c r="C21" s="1" t="s">
        <v>553</v>
      </c>
      <c r="D21" s="1" t="s">
        <v>27</v>
      </c>
      <c r="E21" s="1" t="s">
        <v>70</v>
      </c>
      <c r="J21" s="1" t="s">
        <v>302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45</v>
      </c>
      <c r="C22" s="1" t="s">
        <v>476</v>
      </c>
      <c r="D22" s="1" t="s">
        <v>43</v>
      </c>
      <c r="E22" s="1" t="s">
        <v>44</v>
      </c>
      <c r="F22" s="1" t="s">
        <v>318</v>
      </c>
      <c r="G22" s="1" t="s">
        <v>261</v>
      </c>
      <c r="J22" s="1" t="s">
        <v>30</v>
      </c>
      <c r="K22" s="1" t="s">
        <v>108</v>
      </c>
      <c r="M22" s="1" t="s">
        <v>64</v>
      </c>
      <c r="N22" s="1" t="s">
        <v>33</v>
      </c>
      <c r="O22" s="1" t="s">
        <v>208</v>
      </c>
      <c r="P22" s="1" t="s">
        <v>35</v>
      </c>
      <c r="Q22" s="1" t="s">
        <v>84</v>
      </c>
      <c r="S22" s="1" t="s">
        <v>57</v>
      </c>
      <c r="U22" s="1">
        <v>8.4</v>
      </c>
      <c r="V22" s="3">
        <v>230</v>
      </c>
      <c r="W22" s="1" t="s">
        <v>508</v>
      </c>
      <c r="X22" s="1">
        <v>0.48</v>
      </c>
      <c r="Y22" s="1">
        <v>5.2999999999999999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2</v>
      </c>
      <c r="BC22" s="1">
        <v>0.2</v>
      </c>
      <c r="BD22" s="1">
        <v>0.25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2.8000000000000001E-2</v>
      </c>
      <c r="BO22" s="1"/>
      <c r="BP22" s="1"/>
      <c r="BQ22" s="1">
        <v>31.71</v>
      </c>
      <c r="BR22" s="1"/>
      <c r="BS22" s="1"/>
      <c r="BT22" s="1">
        <v>7</v>
      </c>
      <c r="BU22" s="1"/>
      <c r="BV22" s="1"/>
      <c r="BW22" s="1"/>
      <c r="BX22" s="1"/>
      <c r="BY22" s="1"/>
      <c r="BZ22" s="1"/>
    </row>
    <row r="23" spans="1:78" x14ac:dyDescent="0.15">
      <c r="B23" s="2">
        <v>0.45</v>
      </c>
      <c r="C23" s="1" t="s">
        <v>478</v>
      </c>
      <c r="D23" s="1" t="s">
        <v>43</v>
      </c>
      <c r="E23" s="1" t="s">
        <v>44</v>
      </c>
      <c r="G23" s="1" t="s">
        <v>337</v>
      </c>
      <c r="J23" s="1" t="s">
        <v>136</v>
      </c>
      <c r="N23" s="1" t="s">
        <v>33</v>
      </c>
      <c r="P23" s="1" t="s">
        <v>35</v>
      </c>
      <c r="Q23" s="1" t="s">
        <v>36</v>
      </c>
      <c r="S23" s="1" t="s">
        <v>57</v>
      </c>
      <c r="U23" s="1">
        <v>8.3000000000000007</v>
      </c>
      <c r="V23" s="1"/>
      <c r="W23" s="1"/>
      <c r="X23" s="1">
        <v>0.48</v>
      </c>
      <c r="Y23" s="1">
        <v>5.1999999999999998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2</v>
      </c>
      <c r="BC23" s="1">
        <v>0.21</v>
      </c>
      <c r="BD23" s="1">
        <v>0.26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2.8000000000000001E-2</v>
      </c>
      <c r="BO23" s="1"/>
      <c r="BP23" s="1"/>
      <c r="BQ23" s="1">
        <v>31.9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5</v>
      </c>
      <c r="C24" s="1" t="s">
        <v>553</v>
      </c>
      <c r="D24" s="1" t="s">
        <v>43</v>
      </c>
      <c r="E24" s="1" t="s">
        <v>44</v>
      </c>
      <c r="J24" s="1" t="s">
        <v>285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41875000000000001</v>
      </c>
      <c r="C25" s="1" t="s">
        <v>476</v>
      </c>
      <c r="D25" s="1" t="s">
        <v>43</v>
      </c>
      <c r="E25" s="1" t="s">
        <v>107</v>
      </c>
      <c r="F25" s="1" t="s">
        <v>90</v>
      </c>
      <c r="G25" s="1" t="s">
        <v>140</v>
      </c>
      <c r="J25" s="1" t="s">
        <v>30</v>
      </c>
      <c r="K25" s="1" t="s">
        <v>353</v>
      </c>
      <c r="M25" s="1" t="s">
        <v>64</v>
      </c>
      <c r="N25" s="1" t="s">
        <v>33</v>
      </c>
      <c r="O25" s="1" t="s">
        <v>208</v>
      </c>
      <c r="P25" s="1" t="s">
        <v>35</v>
      </c>
      <c r="Q25" s="1" t="s">
        <v>36</v>
      </c>
      <c r="S25" s="1" t="s">
        <v>201</v>
      </c>
      <c r="U25" s="1">
        <v>8.1</v>
      </c>
      <c r="V25" s="3">
        <v>49</v>
      </c>
      <c r="W25" s="1" t="s">
        <v>508</v>
      </c>
      <c r="X25" s="1">
        <v>0.46</v>
      </c>
      <c r="Y25" s="1">
        <v>3.7999999999999999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2</v>
      </c>
      <c r="BC25" s="1">
        <v>0.17</v>
      </c>
      <c r="BD25" s="1">
        <v>0.22</v>
      </c>
      <c r="BE25" s="1"/>
      <c r="BF25" s="1"/>
      <c r="BG25" s="1"/>
      <c r="BH25" s="1"/>
      <c r="BI25" s="1"/>
      <c r="BJ25" s="1"/>
      <c r="BK25" s="1"/>
      <c r="BL25" s="1"/>
      <c r="BM25" s="1">
        <v>0.05</v>
      </c>
      <c r="BN25" s="1">
        <v>2.5999999999999999E-2</v>
      </c>
      <c r="BO25" s="1"/>
      <c r="BP25" s="1"/>
      <c r="BQ25" s="1">
        <v>32.229999999999997</v>
      </c>
      <c r="BR25" s="1"/>
      <c r="BS25" s="1"/>
      <c r="BT25" s="1">
        <v>3.4</v>
      </c>
      <c r="BU25" s="1"/>
      <c r="BV25" s="1"/>
      <c r="BW25" s="1"/>
      <c r="BX25" s="1"/>
      <c r="BY25" s="1"/>
      <c r="BZ25" s="1"/>
    </row>
    <row r="26" spans="1:78" x14ac:dyDescent="0.15">
      <c r="B26" s="2">
        <v>0.41875000000000001</v>
      </c>
      <c r="C26" s="1" t="s">
        <v>478</v>
      </c>
      <c r="D26" s="1" t="s">
        <v>43</v>
      </c>
      <c r="E26" s="1" t="s">
        <v>107</v>
      </c>
      <c r="G26" s="1" t="s">
        <v>300</v>
      </c>
      <c r="J26" s="1" t="s">
        <v>112</v>
      </c>
      <c r="N26" s="1" t="s">
        <v>33</v>
      </c>
      <c r="P26" s="1" t="s">
        <v>35</v>
      </c>
      <c r="Q26" s="1" t="s">
        <v>36</v>
      </c>
      <c r="S26" s="1" t="s">
        <v>301</v>
      </c>
      <c r="U26" s="1">
        <v>7.7</v>
      </c>
      <c r="V26" s="1"/>
      <c r="W26" s="1"/>
      <c r="X26" s="1">
        <v>0.36</v>
      </c>
      <c r="Y26" s="1">
        <v>3.6999999999999998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3</v>
      </c>
      <c r="BD26" s="1">
        <v>0.18</v>
      </c>
      <c r="BE26" s="1"/>
      <c r="BF26" s="1"/>
      <c r="BG26" s="1"/>
      <c r="BH26" s="1"/>
      <c r="BI26" s="1"/>
      <c r="BJ26" s="1"/>
      <c r="BK26" s="1"/>
      <c r="BL26" s="1"/>
      <c r="BM26" s="1">
        <v>0.05</v>
      </c>
      <c r="BN26" s="1">
        <v>2.3E-2</v>
      </c>
      <c r="BO26" s="1"/>
      <c r="BP26" s="1"/>
      <c r="BQ26" s="1">
        <v>32.69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1875000000000001</v>
      </c>
      <c r="C27" s="1" t="s">
        <v>553</v>
      </c>
      <c r="D27" s="1" t="s">
        <v>43</v>
      </c>
      <c r="E27" s="1" t="s">
        <v>107</v>
      </c>
      <c r="J27" s="1" t="s">
        <v>302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36</v>
      </c>
      <c r="B28" s="2">
        <v>0.42430555555555555</v>
      </c>
      <c r="C28" s="1" t="s">
        <v>476</v>
      </c>
      <c r="D28" s="1" t="s">
        <v>27</v>
      </c>
      <c r="E28" s="1" t="s">
        <v>70</v>
      </c>
      <c r="F28" s="1" t="s">
        <v>80</v>
      </c>
      <c r="G28" s="1" t="s">
        <v>238</v>
      </c>
      <c r="J28" s="1" t="s">
        <v>30</v>
      </c>
      <c r="K28" s="1" t="s">
        <v>46</v>
      </c>
      <c r="M28" s="1" t="s">
        <v>352</v>
      </c>
      <c r="N28" s="1" t="s">
        <v>33</v>
      </c>
      <c r="O28" s="1" t="s">
        <v>208</v>
      </c>
      <c r="P28" s="1" t="s">
        <v>35</v>
      </c>
      <c r="Q28" s="1" t="s">
        <v>36</v>
      </c>
      <c r="S28" s="1" t="s">
        <v>170</v>
      </c>
      <c r="U28" s="1">
        <v>9.9</v>
      </c>
      <c r="V28" s="3">
        <v>2</v>
      </c>
      <c r="W28" s="1" t="s">
        <v>508</v>
      </c>
      <c r="X28" s="1">
        <v>0.48</v>
      </c>
      <c r="Y28" s="1">
        <v>4.3999999999999997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3</v>
      </c>
      <c r="BC28" s="1">
        <v>0.25</v>
      </c>
      <c r="BD28" s="1">
        <v>0.3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2.3E-2</v>
      </c>
      <c r="BO28" s="1"/>
      <c r="BP28" s="1"/>
      <c r="BQ28" s="1">
        <v>32.6</v>
      </c>
      <c r="BR28" s="1" t="s">
        <v>531</v>
      </c>
      <c r="BS28" s="1"/>
      <c r="BT28" s="1">
        <v>3.5</v>
      </c>
      <c r="BU28" s="1"/>
      <c r="BV28" s="1"/>
      <c r="BW28" s="1"/>
      <c r="BX28" s="1"/>
      <c r="BY28" s="1"/>
      <c r="BZ28" s="1"/>
    </row>
    <row r="29" spans="1:78" x14ac:dyDescent="0.15">
      <c r="B29" s="2">
        <v>0.42430555555555555</v>
      </c>
      <c r="C29" s="1" t="s">
        <v>478</v>
      </c>
      <c r="D29" s="1" t="s">
        <v>27</v>
      </c>
      <c r="E29" s="1" t="s">
        <v>70</v>
      </c>
      <c r="G29" s="1" t="s">
        <v>181</v>
      </c>
      <c r="J29" s="1" t="s">
        <v>278</v>
      </c>
      <c r="N29" s="1" t="s">
        <v>33</v>
      </c>
      <c r="P29" s="1" t="s">
        <v>35</v>
      </c>
      <c r="Q29" s="1" t="s">
        <v>36</v>
      </c>
      <c r="S29" s="1" t="s">
        <v>54</v>
      </c>
      <c r="U29" s="1">
        <v>9.6999999999999993</v>
      </c>
      <c r="V29" s="1"/>
      <c r="W29" s="1"/>
      <c r="X29" s="1">
        <v>0.48</v>
      </c>
      <c r="Y29" s="1">
        <v>4.3999999999999997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3</v>
      </c>
      <c r="BC29" s="1">
        <v>0.25</v>
      </c>
      <c r="BD29" s="1">
        <v>0.3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2.7E-2</v>
      </c>
      <c r="BO29" s="1"/>
      <c r="BP29" s="1"/>
      <c r="BQ29" s="1">
        <v>32.64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2430555555555555</v>
      </c>
      <c r="C30" s="1" t="s">
        <v>553</v>
      </c>
      <c r="D30" s="1" t="s">
        <v>27</v>
      </c>
      <c r="E30" s="1" t="s">
        <v>70</v>
      </c>
      <c r="J30" s="1" t="s">
        <v>250</v>
      </c>
      <c r="N30" s="1" t="s">
        <v>33</v>
      </c>
      <c r="U30" s="1"/>
      <c r="V30" s="1"/>
      <c r="W30" s="1"/>
      <c r="X30" s="1"/>
      <c r="Y30" s="1"/>
      <c r="Z30" s="1"/>
      <c r="AC30" s="1" t="s">
        <v>509</v>
      </c>
      <c r="AD30" s="1" t="s">
        <v>510</v>
      </c>
      <c r="AE30" s="1" t="s">
        <v>513</v>
      </c>
      <c r="AF30" s="1" t="s">
        <v>512</v>
      </c>
      <c r="AG30" s="1" t="s">
        <v>511</v>
      </c>
      <c r="AH30" s="1" t="s">
        <v>513</v>
      </c>
      <c r="AI30" s="1"/>
      <c r="AJ30" s="1"/>
      <c r="AK30" s="1" t="s">
        <v>514</v>
      </c>
      <c r="AL30" s="1" t="s">
        <v>514</v>
      </c>
      <c r="AM30" s="1" t="s">
        <v>514</v>
      </c>
      <c r="AN30" s="1" t="s">
        <v>514</v>
      </c>
      <c r="AO30" s="1" t="s">
        <v>514</v>
      </c>
      <c r="AP30" t="s">
        <v>514</v>
      </c>
      <c r="AQ30" s="1" t="s">
        <v>514</v>
      </c>
      <c r="AR30" s="1" t="s">
        <v>514</v>
      </c>
      <c r="AS30" s="1" t="s">
        <v>514</v>
      </c>
      <c r="AT30" s="1" t="s">
        <v>517</v>
      </c>
      <c r="AU30" s="1" t="s">
        <v>513</v>
      </c>
      <c r="AV30" s="1" t="s">
        <v>509</v>
      </c>
      <c r="AW30" s="1" t="s">
        <v>509</v>
      </c>
      <c r="AX30" s="1" t="s">
        <v>514</v>
      </c>
      <c r="AY30" s="1" t="s">
        <v>523</v>
      </c>
      <c r="AZ30" s="1"/>
      <c r="BA30" s="1"/>
      <c r="BB30" s="1"/>
      <c r="BC30" s="1"/>
      <c r="BD30" s="1"/>
      <c r="BE30" t="s">
        <v>511</v>
      </c>
      <c r="BF30" s="1" t="s">
        <v>511</v>
      </c>
      <c r="BG30" s="1">
        <v>8.9999999999999998E-4</v>
      </c>
      <c r="BH30" s="1" t="s">
        <v>512</v>
      </c>
      <c r="BI30" s="1" t="s">
        <v>510</v>
      </c>
      <c r="BJ30" s="1"/>
      <c r="BK30" s="1" t="s">
        <v>513</v>
      </c>
      <c r="BL30" s="1" t="s">
        <v>518</v>
      </c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40625</v>
      </c>
      <c r="C31" s="1" t="s">
        <v>476</v>
      </c>
      <c r="D31" s="1" t="s">
        <v>51</v>
      </c>
      <c r="E31" s="1" t="s">
        <v>477</v>
      </c>
      <c r="F31" s="1" t="s">
        <v>282</v>
      </c>
      <c r="G31" s="1" t="s">
        <v>248</v>
      </c>
      <c r="J31" s="1" t="s">
        <v>30</v>
      </c>
      <c r="K31" s="1" t="s">
        <v>261</v>
      </c>
      <c r="M31" s="1" t="s">
        <v>64</v>
      </c>
      <c r="N31" s="1" t="s">
        <v>33</v>
      </c>
      <c r="O31" s="1" t="s">
        <v>208</v>
      </c>
      <c r="P31" s="1" t="s">
        <v>35</v>
      </c>
      <c r="Q31" s="1" t="s">
        <v>36</v>
      </c>
      <c r="S31" s="1" t="s">
        <v>54</v>
      </c>
      <c r="U31" s="1">
        <v>9.1999999999999993</v>
      </c>
      <c r="V31" s="3">
        <v>23</v>
      </c>
      <c r="W31" s="1" t="s">
        <v>508</v>
      </c>
      <c r="X31" s="1">
        <v>0.47</v>
      </c>
      <c r="Y31" s="1">
        <v>0.03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2</v>
      </c>
      <c r="BC31" s="1">
        <v>0.27</v>
      </c>
      <c r="BD31" s="1">
        <v>0.32</v>
      </c>
      <c r="BF31" s="1"/>
      <c r="BG31" s="1"/>
      <c r="BH31" s="1"/>
      <c r="BI31" s="1"/>
      <c r="BJ31" s="1"/>
      <c r="BK31" s="1"/>
      <c r="BL31" s="1"/>
      <c r="BM31" s="1">
        <v>0.04</v>
      </c>
      <c r="BN31" s="1">
        <v>1.9E-2</v>
      </c>
      <c r="BO31" s="1"/>
      <c r="BP31" s="1"/>
      <c r="BQ31" s="1">
        <v>32.57</v>
      </c>
      <c r="BR31" s="1"/>
      <c r="BS31" s="1"/>
      <c r="BT31" s="1">
        <v>2.6</v>
      </c>
      <c r="BU31" s="1"/>
      <c r="BV31" s="1"/>
      <c r="BW31" s="1"/>
      <c r="BX31" s="1"/>
      <c r="BY31" s="1"/>
      <c r="BZ31" s="1"/>
    </row>
    <row r="32" spans="1:78" x14ac:dyDescent="0.15">
      <c r="B32" s="2">
        <v>0.40625</v>
      </c>
      <c r="C32" s="1" t="s">
        <v>478</v>
      </c>
      <c r="D32" s="1" t="s">
        <v>51</v>
      </c>
      <c r="E32" s="1" t="s">
        <v>477</v>
      </c>
      <c r="G32" s="1" t="s">
        <v>248</v>
      </c>
      <c r="J32" s="1" t="s">
        <v>134</v>
      </c>
      <c r="N32" s="1" t="s">
        <v>33</v>
      </c>
      <c r="P32" s="1" t="s">
        <v>35</v>
      </c>
      <c r="Q32" s="1" t="s">
        <v>36</v>
      </c>
      <c r="S32" s="1" t="s">
        <v>201</v>
      </c>
      <c r="U32" s="1">
        <v>9.1</v>
      </c>
      <c r="V32" s="1"/>
      <c r="W32" s="1"/>
      <c r="X32" s="1">
        <v>0.41</v>
      </c>
      <c r="Y32" s="1">
        <v>2.5999999999999999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23</v>
      </c>
      <c r="BD32" s="1">
        <v>0.28000000000000003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6E-2</v>
      </c>
      <c r="BO32" s="1"/>
      <c r="BP32" s="1"/>
      <c r="BQ32" s="1">
        <v>32.770000000000003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0625</v>
      </c>
      <c r="C33" s="1" t="s">
        <v>553</v>
      </c>
      <c r="D33" s="1" t="s">
        <v>51</v>
      </c>
      <c r="E33" s="1" t="s">
        <v>477</v>
      </c>
      <c r="J33" s="1" t="s">
        <v>327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41388888888888892</v>
      </c>
      <c r="C34" s="1" t="s">
        <v>476</v>
      </c>
      <c r="D34" s="1" t="s">
        <v>43</v>
      </c>
      <c r="E34" s="1" t="s">
        <v>477</v>
      </c>
      <c r="F34" s="1" t="s">
        <v>267</v>
      </c>
      <c r="G34" s="1" t="s">
        <v>238</v>
      </c>
      <c r="J34" s="1" t="s">
        <v>30</v>
      </c>
      <c r="K34" s="1" t="s">
        <v>353</v>
      </c>
      <c r="M34" s="1" t="s">
        <v>204</v>
      </c>
      <c r="N34" s="1" t="s">
        <v>33</v>
      </c>
      <c r="O34" s="1" t="s">
        <v>208</v>
      </c>
      <c r="P34" s="1" t="s">
        <v>35</v>
      </c>
      <c r="Q34" s="1" t="s">
        <v>84</v>
      </c>
      <c r="S34" s="1" t="s">
        <v>54</v>
      </c>
      <c r="U34" s="1">
        <v>9.9</v>
      </c>
      <c r="V34" s="3">
        <v>17</v>
      </c>
      <c r="W34" s="1" t="s">
        <v>508</v>
      </c>
      <c r="X34" s="1">
        <v>0.52</v>
      </c>
      <c r="Y34" s="1">
        <v>2.4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32</v>
      </c>
      <c r="BD34" s="1">
        <v>0.37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8.0000000000000002E-3</v>
      </c>
      <c r="BO34" s="1"/>
      <c r="BP34" s="1"/>
      <c r="BQ34" s="1">
        <v>32.07</v>
      </c>
      <c r="BR34" s="1"/>
      <c r="BS34" s="1"/>
      <c r="BT34" s="1">
        <v>6.4</v>
      </c>
      <c r="BU34" s="1"/>
      <c r="BV34" s="1"/>
      <c r="BW34" s="1"/>
      <c r="BX34" s="1"/>
      <c r="BY34" s="1"/>
      <c r="BZ34" s="1"/>
    </row>
    <row r="35" spans="1:78" x14ac:dyDescent="0.15">
      <c r="B35" s="2">
        <v>0.41388888888888892</v>
      </c>
      <c r="C35" s="1" t="s">
        <v>478</v>
      </c>
      <c r="D35" s="1" t="s">
        <v>43</v>
      </c>
      <c r="E35" s="1" t="s">
        <v>477</v>
      </c>
      <c r="G35" s="1" t="s">
        <v>266</v>
      </c>
      <c r="J35" s="1" t="s">
        <v>112</v>
      </c>
      <c r="N35" s="1" t="s">
        <v>33</v>
      </c>
      <c r="P35" s="1" t="s">
        <v>35</v>
      </c>
      <c r="Q35" s="1" t="s">
        <v>84</v>
      </c>
      <c r="S35" s="1" t="s">
        <v>114</v>
      </c>
      <c r="U35" s="1">
        <v>9.4</v>
      </c>
      <c r="V35" s="1"/>
      <c r="W35" s="1"/>
      <c r="X35" s="1">
        <v>0.42</v>
      </c>
      <c r="Y35" s="1">
        <v>2.1999999999999999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24</v>
      </c>
      <c r="BD35" s="1">
        <v>0.28999999999999998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1.2E-2</v>
      </c>
      <c r="BO35" s="1"/>
      <c r="BP35" s="1"/>
      <c r="BQ35" s="1">
        <v>32.770000000000003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1388888888888892</v>
      </c>
      <c r="C36" s="1" t="s">
        <v>553</v>
      </c>
      <c r="D36" s="1" t="s">
        <v>43</v>
      </c>
      <c r="E36" s="1" t="s">
        <v>477</v>
      </c>
      <c r="J36" s="1" t="s">
        <v>302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</sheetData>
  <phoneticPr fontId="18"/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51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95</v>
      </c>
      <c r="E1" s="1" t="s">
        <v>2</v>
      </c>
      <c r="F1" s="1" t="s">
        <v>488</v>
      </c>
      <c r="G1" s="1" t="s">
        <v>3</v>
      </c>
      <c r="H1" s="1" t="s">
        <v>48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41319444444444442</v>
      </c>
      <c r="C4" s="1" t="s">
        <v>476</v>
      </c>
      <c r="D4" s="1" t="s">
        <v>27</v>
      </c>
      <c r="E4" s="1" t="s">
        <v>70</v>
      </c>
      <c r="F4" s="1" t="s">
        <v>233</v>
      </c>
      <c r="G4" s="1" t="s">
        <v>73</v>
      </c>
      <c r="J4" s="1" t="s">
        <v>30</v>
      </c>
      <c r="K4" s="1" t="s">
        <v>338</v>
      </c>
      <c r="M4" s="1" t="s">
        <v>49</v>
      </c>
      <c r="N4" s="1" t="s">
        <v>33</v>
      </c>
      <c r="O4" s="1" t="s">
        <v>208</v>
      </c>
      <c r="P4" s="1" t="s">
        <v>35</v>
      </c>
      <c r="Q4" s="1" t="s">
        <v>84</v>
      </c>
      <c r="S4" s="1" t="s">
        <v>149</v>
      </c>
      <c r="U4" s="1">
        <v>9.1999999999999993</v>
      </c>
      <c r="V4" s="1" t="s">
        <v>515</v>
      </c>
      <c r="W4" s="1"/>
      <c r="X4" s="1">
        <v>0.37</v>
      </c>
      <c r="Y4" s="1">
        <v>3.3000000000000002E-2</v>
      </c>
      <c r="Z4" s="1">
        <v>4.000000000000000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25</v>
      </c>
      <c r="BC4" s="1">
        <v>0.16</v>
      </c>
      <c r="BD4" s="1">
        <v>0.21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1.4E-2</v>
      </c>
      <c r="BO4" s="1"/>
      <c r="BP4" s="1"/>
      <c r="BQ4" s="1">
        <v>32.770000000000003</v>
      </c>
      <c r="BR4" s="1"/>
      <c r="BS4" s="1"/>
      <c r="BT4" s="1">
        <v>17</v>
      </c>
      <c r="BU4" s="1"/>
      <c r="BV4" s="1"/>
      <c r="BW4" s="1"/>
      <c r="BX4" s="1"/>
      <c r="BY4" s="1"/>
      <c r="BZ4" s="1"/>
    </row>
    <row r="5" spans="1:78" x14ac:dyDescent="0.15">
      <c r="B5" s="2">
        <v>0.41666666666666669</v>
      </c>
      <c r="C5" s="1" t="s">
        <v>478</v>
      </c>
      <c r="D5" s="1" t="s">
        <v>27</v>
      </c>
      <c r="E5" s="1" t="s">
        <v>70</v>
      </c>
      <c r="F5" s="1" t="s">
        <v>233</v>
      </c>
      <c r="G5" s="1" t="s">
        <v>304</v>
      </c>
      <c r="J5" s="1" t="s">
        <v>272</v>
      </c>
      <c r="N5" s="1" t="s">
        <v>33</v>
      </c>
      <c r="P5" s="1" t="s">
        <v>35</v>
      </c>
      <c r="Q5" s="1" t="s">
        <v>36</v>
      </c>
      <c r="S5" s="1" t="s">
        <v>301</v>
      </c>
      <c r="U5" s="1">
        <v>7.1</v>
      </c>
      <c r="V5" s="1"/>
      <c r="W5" s="1"/>
      <c r="X5" s="1">
        <v>0.2</v>
      </c>
      <c r="Y5" s="1">
        <v>3.3000000000000002E-2</v>
      </c>
      <c r="Z5" s="1">
        <v>3.0000000000000001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25</v>
      </c>
      <c r="BC5" s="1">
        <v>0.14000000000000001</v>
      </c>
      <c r="BD5" s="1">
        <v>0.19</v>
      </c>
      <c r="BE5" s="1"/>
      <c r="BF5" s="1"/>
      <c r="BG5" s="1"/>
      <c r="BH5" s="1"/>
      <c r="BI5" s="1"/>
      <c r="BJ5" s="1"/>
      <c r="BK5" s="1"/>
      <c r="BL5" s="1"/>
      <c r="BM5" s="1">
        <v>0.05</v>
      </c>
      <c r="BN5" s="1">
        <v>2.5000000000000001E-2</v>
      </c>
      <c r="BO5" s="1"/>
      <c r="BP5" s="1"/>
      <c r="BQ5" s="1">
        <v>33.94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84</v>
      </c>
      <c r="B6" s="2">
        <v>0.3888888888888889</v>
      </c>
      <c r="C6" s="1" t="s">
        <v>476</v>
      </c>
      <c r="D6" s="1" t="s">
        <v>27</v>
      </c>
      <c r="E6" s="1" t="s">
        <v>70</v>
      </c>
      <c r="F6" s="1" t="s">
        <v>154</v>
      </c>
      <c r="G6" s="1" t="s">
        <v>318</v>
      </c>
      <c r="J6" s="1" t="s">
        <v>30</v>
      </c>
      <c r="K6" s="1" t="s">
        <v>338</v>
      </c>
      <c r="M6" s="1" t="s">
        <v>255</v>
      </c>
      <c r="N6" s="1" t="s">
        <v>33</v>
      </c>
      <c r="O6" s="1" t="s">
        <v>208</v>
      </c>
      <c r="P6" s="1" t="s">
        <v>35</v>
      </c>
      <c r="Q6" s="1" t="s">
        <v>84</v>
      </c>
      <c r="S6" s="1" t="s">
        <v>114</v>
      </c>
      <c r="U6" s="1">
        <v>8.1999999999999993</v>
      </c>
      <c r="V6" s="1" t="s">
        <v>515</v>
      </c>
      <c r="W6" s="1" t="s">
        <v>508</v>
      </c>
      <c r="X6" s="1">
        <v>0.24</v>
      </c>
      <c r="Y6" s="1">
        <v>2.1999999999999999E-2</v>
      </c>
      <c r="Z6" s="1">
        <v>4.0000000000000001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25</v>
      </c>
      <c r="BC6" s="1">
        <v>0.09</v>
      </c>
      <c r="BD6" s="1">
        <v>0.14000000000000001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8.0000000000000002E-3</v>
      </c>
      <c r="BO6" s="1"/>
      <c r="BP6" s="1"/>
      <c r="BQ6" s="1">
        <v>32.82</v>
      </c>
      <c r="BR6" s="1"/>
      <c r="BS6" s="1"/>
      <c r="BT6" s="1">
        <v>4.9000000000000004</v>
      </c>
      <c r="BU6" s="1"/>
      <c r="BV6" s="1"/>
      <c r="BW6" s="1"/>
      <c r="BX6" s="1"/>
      <c r="BY6" s="1"/>
      <c r="BZ6" s="1"/>
    </row>
    <row r="7" spans="1:78" x14ac:dyDescent="0.15">
      <c r="B7" s="2">
        <v>0.3923611111111111</v>
      </c>
      <c r="C7" s="1" t="s">
        <v>478</v>
      </c>
      <c r="D7" s="1" t="s">
        <v>27</v>
      </c>
      <c r="E7" s="1" t="s">
        <v>70</v>
      </c>
      <c r="F7" s="1" t="s">
        <v>154</v>
      </c>
      <c r="G7" s="1" t="s">
        <v>136</v>
      </c>
      <c r="J7" s="1" t="s">
        <v>272</v>
      </c>
      <c r="N7" s="1" t="s">
        <v>33</v>
      </c>
      <c r="P7" s="1" t="s">
        <v>35</v>
      </c>
      <c r="Q7" s="1" t="s">
        <v>36</v>
      </c>
      <c r="S7" s="1" t="s">
        <v>225</v>
      </c>
      <c r="U7" s="1">
        <v>6.7</v>
      </c>
      <c r="V7" s="1"/>
      <c r="W7" s="1"/>
      <c r="X7" s="1">
        <v>0.4</v>
      </c>
      <c r="Y7" s="1">
        <v>3.4000000000000002E-2</v>
      </c>
      <c r="Z7" s="1">
        <v>3.0000000000000001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25</v>
      </c>
      <c r="BC7" s="1">
        <v>0.11</v>
      </c>
      <c r="BD7" s="1">
        <v>0.16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1.4E-2</v>
      </c>
      <c r="BO7" s="1"/>
      <c r="BP7" s="1"/>
      <c r="BQ7" s="1">
        <v>33.6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4284722222222222</v>
      </c>
      <c r="C8" s="1" t="s">
        <v>476</v>
      </c>
      <c r="D8" s="1" t="s">
        <v>51</v>
      </c>
      <c r="E8" s="1" t="s">
        <v>70</v>
      </c>
      <c r="F8" s="1" t="s">
        <v>356</v>
      </c>
      <c r="G8" s="1" t="s">
        <v>323</v>
      </c>
      <c r="J8" s="1" t="s">
        <v>30</v>
      </c>
      <c r="K8" s="1" t="s">
        <v>338</v>
      </c>
      <c r="M8" s="1" t="s">
        <v>37</v>
      </c>
      <c r="N8" s="1" t="s">
        <v>33</v>
      </c>
      <c r="O8" s="1" t="s">
        <v>208</v>
      </c>
      <c r="P8" s="1" t="s">
        <v>35</v>
      </c>
      <c r="Q8" s="1" t="s">
        <v>55</v>
      </c>
      <c r="S8" s="1" t="s">
        <v>37</v>
      </c>
      <c r="U8" s="1">
        <v>10.3</v>
      </c>
      <c r="V8" s="1" t="s">
        <v>515</v>
      </c>
      <c r="W8" s="1"/>
      <c r="X8" s="1">
        <v>0.5</v>
      </c>
      <c r="Y8" s="1">
        <v>0.04</v>
      </c>
      <c r="Z8" s="1">
        <v>1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25</v>
      </c>
      <c r="BC8" s="1" t="s">
        <v>525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>
        <v>8.0000000000000002E-3</v>
      </c>
      <c r="BO8" s="1"/>
      <c r="BP8" s="1"/>
      <c r="BQ8" s="1">
        <v>29.97</v>
      </c>
      <c r="BR8" s="1"/>
      <c r="BS8" s="1"/>
      <c r="BT8" s="1">
        <v>17</v>
      </c>
      <c r="BU8" s="1"/>
      <c r="BV8" s="1"/>
      <c r="BW8" s="1"/>
      <c r="BX8" s="1"/>
      <c r="BY8" s="1"/>
      <c r="BZ8" s="1"/>
    </row>
    <row r="9" spans="1:78" x14ac:dyDescent="0.15">
      <c r="B9" s="2">
        <v>0.43263888888888885</v>
      </c>
      <c r="C9" s="1" t="s">
        <v>478</v>
      </c>
      <c r="D9" s="1" t="s">
        <v>51</v>
      </c>
      <c r="E9" s="1" t="s">
        <v>70</v>
      </c>
      <c r="F9" s="1" t="s">
        <v>356</v>
      </c>
      <c r="G9" s="1" t="s">
        <v>29</v>
      </c>
      <c r="J9" s="1" t="s">
        <v>272</v>
      </c>
      <c r="N9" s="1" t="s">
        <v>33</v>
      </c>
      <c r="P9" s="1" t="s">
        <v>35</v>
      </c>
      <c r="Q9" s="1" t="s">
        <v>36</v>
      </c>
      <c r="S9" s="1" t="s">
        <v>156</v>
      </c>
      <c r="U9" s="1">
        <v>6.3</v>
      </c>
      <c r="V9" s="1"/>
      <c r="W9" s="1"/>
      <c r="X9" s="1">
        <v>0.25</v>
      </c>
      <c r="Y9" s="1">
        <v>2.7E-2</v>
      </c>
      <c r="Z9" s="1" t="s">
        <v>518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25</v>
      </c>
      <c r="BC9" s="1">
        <v>0.1</v>
      </c>
      <c r="BD9" s="1">
        <v>0.15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2.1000000000000001E-2</v>
      </c>
      <c r="BO9" s="1"/>
      <c r="BP9" s="1"/>
      <c r="BQ9" s="1">
        <v>34.19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89</v>
      </c>
      <c r="B10" s="2">
        <v>0.39583333333333331</v>
      </c>
      <c r="C10" s="1" t="s">
        <v>476</v>
      </c>
      <c r="D10" s="1" t="s">
        <v>43</v>
      </c>
      <c r="E10" s="1" t="s">
        <v>70</v>
      </c>
      <c r="F10" s="1" t="s">
        <v>343</v>
      </c>
      <c r="G10" s="1" t="s">
        <v>65</v>
      </c>
      <c r="J10" s="1" t="s">
        <v>30</v>
      </c>
      <c r="K10" s="1" t="s">
        <v>338</v>
      </c>
      <c r="M10" s="1" t="s">
        <v>37</v>
      </c>
      <c r="N10" s="1" t="s">
        <v>33</v>
      </c>
      <c r="O10" s="1" t="s">
        <v>208</v>
      </c>
      <c r="P10" s="1" t="s">
        <v>35</v>
      </c>
      <c r="Q10" s="1" t="s">
        <v>63</v>
      </c>
      <c r="S10" s="1" t="s">
        <v>149</v>
      </c>
      <c r="U10" s="1">
        <v>7.5</v>
      </c>
      <c r="V10" s="3">
        <v>2</v>
      </c>
      <c r="W10" s="1"/>
      <c r="X10" s="1">
        <v>0.37</v>
      </c>
      <c r="Y10" s="1">
        <v>4.2000000000000003E-2</v>
      </c>
      <c r="Z10" s="1">
        <v>1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25</v>
      </c>
      <c r="BC10" s="1">
        <v>0.08</v>
      </c>
      <c r="BD10" s="1">
        <v>0.13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0.02</v>
      </c>
      <c r="BO10" s="1"/>
      <c r="BP10" s="1"/>
      <c r="BQ10" s="1">
        <v>32.74</v>
      </c>
      <c r="BR10" s="1"/>
      <c r="BS10" s="1"/>
      <c r="BT10" s="1">
        <v>14</v>
      </c>
      <c r="BU10" s="1"/>
      <c r="BV10" s="1"/>
      <c r="BW10" s="1"/>
      <c r="BX10" s="1"/>
      <c r="BY10" s="1"/>
      <c r="BZ10" s="1"/>
    </row>
    <row r="11" spans="1:78" x14ac:dyDescent="0.15">
      <c r="B11" s="2">
        <v>0.39930555555555558</v>
      </c>
      <c r="C11" s="1" t="s">
        <v>478</v>
      </c>
      <c r="D11" s="1" t="s">
        <v>43</v>
      </c>
      <c r="E11" s="1" t="s">
        <v>70</v>
      </c>
      <c r="F11" s="1" t="s">
        <v>343</v>
      </c>
      <c r="G11" s="1" t="s">
        <v>357</v>
      </c>
      <c r="J11" s="1" t="s">
        <v>272</v>
      </c>
      <c r="N11" s="1" t="s">
        <v>33</v>
      </c>
      <c r="P11" s="1" t="s">
        <v>35</v>
      </c>
      <c r="Q11" s="1" t="s">
        <v>84</v>
      </c>
      <c r="S11" s="1" t="s">
        <v>156</v>
      </c>
      <c r="U11" s="1">
        <v>5.9</v>
      </c>
      <c r="V11" s="1"/>
      <c r="W11" s="1"/>
      <c r="X11" s="1">
        <v>0.32</v>
      </c>
      <c r="Y11" s="1">
        <v>3.7999999999999999E-2</v>
      </c>
      <c r="Z11" s="1">
        <v>1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25</v>
      </c>
      <c r="BC11" s="1">
        <v>0.1</v>
      </c>
      <c r="BD11" s="1">
        <v>0.15</v>
      </c>
      <c r="BE11" s="1"/>
      <c r="BF11" s="1"/>
      <c r="BG11" s="1"/>
      <c r="BH11" s="1"/>
      <c r="BI11" s="1"/>
      <c r="BJ11" s="1"/>
      <c r="BK11" s="1"/>
      <c r="BL11" s="1"/>
      <c r="BM11" s="1" t="s">
        <v>533</v>
      </c>
      <c r="BN11" s="1">
        <v>0.03</v>
      </c>
      <c r="BO11" s="1"/>
      <c r="BP11" s="1"/>
      <c r="BQ11" s="1">
        <v>33.590000000000003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9930555555555558</v>
      </c>
      <c r="C12" s="1" t="s">
        <v>553</v>
      </c>
      <c r="D12" s="1" t="s">
        <v>43</v>
      </c>
      <c r="E12" s="1" t="s">
        <v>70</v>
      </c>
      <c r="J12" s="1" t="s">
        <v>358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26</v>
      </c>
      <c r="AV12" s="1" t="s">
        <v>509</v>
      </c>
      <c r="AW12" s="1" t="s">
        <v>523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26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9999999999999997</v>
      </c>
      <c r="C13" s="1" t="s">
        <v>476</v>
      </c>
      <c r="D13" s="1" t="s">
        <v>27</v>
      </c>
      <c r="E13" s="1" t="s">
        <v>70</v>
      </c>
      <c r="F13" s="1" t="s">
        <v>359</v>
      </c>
      <c r="G13" s="1" t="s">
        <v>220</v>
      </c>
      <c r="J13" s="1" t="s">
        <v>30</v>
      </c>
      <c r="K13" s="1" t="s">
        <v>338</v>
      </c>
      <c r="M13" s="1" t="s">
        <v>37</v>
      </c>
      <c r="N13" s="1" t="s">
        <v>33</v>
      </c>
      <c r="O13" s="1" t="s">
        <v>208</v>
      </c>
      <c r="P13" s="1" t="s">
        <v>35</v>
      </c>
      <c r="Q13" s="1" t="s">
        <v>55</v>
      </c>
      <c r="S13" s="1" t="s">
        <v>180</v>
      </c>
      <c r="U13" s="1">
        <v>9</v>
      </c>
      <c r="V13" s="3">
        <v>2</v>
      </c>
      <c r="W13" s="1" t="s">
        <v>508</v>
      </c>
      <c r="X13" s="1">
        <v>0.48</v>
      </c>
      <c r="Y13" s="1">
        <v>0.04</v>
      </c>
      <c r="Z13" s="1">
        <v>7.0000000000000001E-3</v>
      </c>
      <c r="AA13" s="1" t="s">
        <v>562</v>
      </c>
      <c r="AB13" s="1" t="s">
        <v>561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25</v>
      </c>
      <c r="BC13" s="1" t="s">
        <v>525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8.0000000000000002E-3</v>
      </c>
      <c r="BO13" s="1"/>
      <c r="BP13" s="1"/>
      <c r="BQ13" s="1">
        <v>30.68</v>
      </c>
      <c r="BR13" s="1" t="s">
        <v>531</v>
      </c>
      <c r="BS13" s="1" t="s">
        <v>511</v>
      </c>
      <c r="BT13" s="1">
        <v>10</v>
      </c>
      <c r="BU13" s="1"/>
      <c r="BV13" s="1"/>
      <c r="BW13" s="1"/>
      <c r="BX13" s="1"/>
      <c r="BY13" s="1"/>
      <c r="BZ13" s="1"/>
    </row>
    <row r="14" spans="1:78" x14ac:dyDescent="0.15">
      <c r="B14" s="2">
        <v>0.40416666666666662</v>
      </c>
      <c r="C14" s="1" t="s">
        <v>478</v>
      </c>
      <c r="D14" s="1" t="s">
        <v>27</v>
      </c>
      <c r="E14" s="1" t="s">
        <v>70</v>
      </c>
      <c r="F14" s="1" t="s">
        <v>359</v>
      </c>
      <c r="G14" s="1" t="s">
        <v>287</v>
      </c>
      <c r="J14" s="1" t="s">
        <v>272</v>
      </c>
      <c r="N14" s="1" t="s">
        <v>33</v>
      </c>
      <c r="P14" s="1" t="s">
        <v>35</v>
      </c>
      <c r="Q14" s="1" t="s">
        <v>36</v>
      </c>
      <c r="S14" s="1" t="s">
        <v>156</v>
      </c>
      <c r="U14" s="1">
        <v>6</v>
      </c>
      <c r="V14" s="1"/>
      <c r="W14" s="1"/>
      <c r="X14" s="1">
        <v>0.28000000000000003</v>
      </c>
      <c r="Y14" s="1">
        <v>3.1E-2</v>
      </c>
      <c r="Z14" s="1">
        <v>2E-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25</v>
      </c>
      <c r="BC14" s="1">
        <v>0.09</v>
      </c>
      <c r="BD14" s="1">
        <v>0.14000000000000001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2.3E-2</v>
      </c>
      <c r="BO14" s="1"/>
      <c r="BP14" s="1"/>
      <c r="BQ14" s="1">
        <v>34.04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0416666666666662</v>
      </c>
      <c r="C15" s="1" t="s">
        <v>553</v>
      </c>
      <c r="D15" s="1" t="s">
        <v>27</v>
      </c>
      <c r="E15" s="1" t="s">
        <v>70</v>
      </c>
      <c r="J15" s="1" t="s">
        <v>358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6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7</v>
      </c>
      <c r="AL15" s="1" t="s">
        <v>517</v>
      </c>
      <c r="AM15" s="1" t="s">
        <v>517</v>
      </c>
      <c r="AN15" s="1" t="s">
        <v>517</v>
      </c>
      <c r="AO15" s="1" t="s">
        <v>517</v>
      </c>
      <c r="AP15" t="s">
        <v>517</v>
      </c>
      <c r="AQ15" s="1" t="s">
        <v>517</v>
      </c>
      <c r="AR15" s="1" t="s">
        <v>517</v>
      </c>
      <c r="AS15" s="1" t="s">
        <v>517</v>
      </c>
      <c r="AT15" s="1" t="s">
        <v>527</v>
      </c>
      <c r="AU15" s="1"/>
      <c r="AV15" s="1"/>
      <c r="AW15" s="1"/>
      <c r="AX15" s="1" t="s">
        <v>517</v>
      </c>
      <c r="AY15" s="1" t="s">
        <v>523</v>
      </c>
      <c r="AZ15" s="1"/>
      <c r="BA15" s="1"/>
      <c r="BB15" s="1"/>
      <c r="BC15" s="1"/>
      <c r="BD15" s="1"/>
      <c r="BE15" s="1"/>
      <c r="BF15" s="1" t="s">
        <v>511</v>
      </c>
      <c r="BG15" s="1" t="s">
        <v>510</v>
      </c>
      <c r="BH15" s="1" t="s">
        <v>512</v>
      </c>
      <c r="BI15" s="1" t="s">
        <v>510</v>
      </c>
      <c r="BJ15" s="1"/>
      <c r="BK15" s="1"/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9583333333333331</v>
      </c>
      <c r="C16" s="1" t="s">
        <v>476</v>
      </c>
      <c r="D16" s="1" t="s">
        <v>43</v>
      </c>
      <c r="E16" s="1" t="s">
        <v>70</v>
      </c>
      <c r="F16" s="1" t="s">
        <v>247</v>
      </c>
      <c r="G16" s="1" t="s">
        <v>308</v>
      </c>
      <c r="J16" s="1" t="s">
        <v>30</v>
      </c>
      <c r="K16" s="1" t="s">
        <v>338</v>
      </c>
      <c r="M16" s="1" t="s">
        <v>207</v>
      </c>
      <c r="N16" s="1" t="s">
        <v>33</v>
      </c>
      <c r="O16" s="1" t="s">
        <v>208</v>
      </c>
      <c r="P16" s="1" t="s">
        <v>35</v>
      </c>
      <c r="Q16" s="1" t="s">
        <v>84</v>
      </c>
      <c r="S16" s="1" t="s">
        <v>126</v>
      </c>
      <c r="U16" s="1">
        <v>6.3</v>
      </c>
      <c r="V16" s="3">
        <v>4</v>
      </c>
      <c r="W16" s="1"/>
      <c r="X16" s="1">
        <v>0.46</v>
      </c>
      <c r="Y16" s="1">
        <v>5.6000000000000001E-2</v>
      </c>
      <c r="Z16" s="1">
        <v>1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25</v>
      </c>
      <c r="BC16" s="1">
        <v>0.09</v>
      </c>
      <c r="BD16" s="1">
        <v>0.14000000000000001</v>
      </c>
      <c r="BE16" s="1"/>
      <c r="BF16" s="1"/>
      <c r="BG16" s="1"/>
      <c r="BH16" s="1"/>
      <c r="BI16" s="1"/>
      <c r="BJ16" s="1"/>
      <c r="BK16" s="1"/>
      <c r="BL16" s="1"/>
      <c r="BM16" s="1">
        <v>0.04</v>
      </c>
      <c r="BN16" s="1">
        <v>3.7999999999999999E-2</v>
      </c>
      <c r="BO16" s="1"/>
      <c r="BP16" s="1"/>
      <c r="BQ16" s="1">
        <v>32.090000000000003</v>
      </c>
      <c r="BR16" s="1"/>
      <c r="BS16" s="1"/>
      <c r="BT16" s="1">
        <v>2</v>
      </c>
      <c r="BU16" s="1"/>
      <c r="BV16" s="1"/>
      <c r="BW16" s="1"/>
      <c r="BX16" s="1"/>
      <c r="BY16" s="1"/>
      <c r="BZ16" s="1"/>
    </row>
    <row r="17" spans="1:78" x14ac:dyDescent="0.15">
      <c r="B17" s="2">
        <v>0.39930555555555558</v>
      </c>
      <c r="C17" s="1" t="s">
        <v>478</v>
      </c>
      <c r="D17" s="1" t="s">
        <v>43</v>
      </c>
      <c r="E17" s="1" t="s">
        <v>70</v>
      </c>
      <c r="F17" s="1" t="s">
        <v>247</v>
      </c>
      <c r="G17" s="1" t="s">
        <v>197</v>
      </c>
      <c r="J17" s="1" t="s">
        <v>272</v>
      </c>
      <c r="N17" s="1" t="s">
        <v>33</v>
      </c>
      <c r="P17" s="1" t="s">
        <v>35</v>
      </c>
      <c r="Q17" s="1" t="s">
        <v>84</v>
      </c>
      <c r="S17" s="1" t="s">
        <v>111</v>
      </c>
      <c r="U17" s="1">
        <v>6.4</v>
      </c>
      <c r="V17" s="1"/>
      <c r="W17" s="1"/>
      <c r="X17" s="1">
        <v>0.42</v>
      </c>
      <c r="Y17" s="1">
        <v>3.9E-2</v>
      </c>
      <c r="Z17" s="1">
        <v>3.000000000000000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25</v>
      </c>
      <c r="BC17" s="1">
        <v>0.06</v>
      </c>
      <c r="BD17" s="1">
        <v>0.11</v>
      </c>
      <c r="BE17" s="1"/>
      <c r="BF17" s="1"/>
      <c r="BG17" s="1"/>
      <c r="BH17" s="1"/>
      <c r="BI17" s="1"/>
      <c r="BJ17" s="1"/>
      <c r="BK17" s="1"/>
      <c r="BL17" s="1"/>
      <c r="BM17" s="1">
        <v>0.06</v>
      </c>
      <c r="BN17" s="1">
        <v>2.5000000000000001E-2</v>
      </c>
      <c r="BO17" s="1"/>
      <c r="BP17" s="1"/>
      <c r="BQ17" s="1">
        <v>32.6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/>
      <c r="B18" s="2">
        <v>0.39930555555555558</v>
      </c>
      <c r="C18" s="1" t="s">
        <v>553</v>
      </c>
      <c r="D18" s="1"/>
      <c r="E18" s="1"/>
      <c r="F18" s="1"/>
      <c r="G18" s="1"/>
      <c r="H18" s="1"/>
      <c r="I18" s="1"/>
      <c r="J18" s="1">
        <v>13.25</v>
      </c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7777777777777777</v>
      </c>
      <c r="C19" s="1" t="s">
        <v>476</v>
      </c>
      <c r="D19" s="1" t="s">
        <v>43</v>
      </c>
      <c r="E19" s="1" t="s">
        <v>70</v>
      </c>
      <c r="F19" s="1" t="s">
        <v>360</v>
      </c>
      <c r="G19" s="1" t="s">
        <v>294</v>
      </c>
      <c r="J19" s="1" t="s">
        <v>30</v>
      </c>
      <c r="K19" s="1" t="s">
        <v>338</v>
      </c>
      <c r="M19" s="1" t="s">
        <v>49</v>
      </c>
      <c r="N19" s="1" t="s">
        <v>33</v>
      </c>
      <c r="O19" s="1" t="s">
        <v>208</v>
      </c>
      <c r="P19" s="1" t="s">
        <v>35</v>
      </c>
      <c r="Q19" s="1" t="s">
        <v>36</v>
      </c>
      <c r="S19" s="1" t="s">
        <v>41</v>
      </c>
      <c r="U19" s="1">
        <v>7.5</v>
      </c>
      <c r="V19" s="3">
        <v>130</v>
      </c>
      <c r="W19" s="1"/>
      <c r="X19" s="1">
        <v>1</v>
      </c>
      <c r="Y19" s="1">
        <v>9.1999999999999998E-2</v>
      </c>
      <c r="Z19" s="1">
        <v>5.0000000000000001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25</v>
      </c>
      <c r="BC19" s="1">
        <v>0.55000000000000004</v>
      </c>
      <c r="BD19" s="1">
        <v>0.6</v>
      </c>
      <c r="BE19" s="1"/>
      <c r="BF19" s="1"/>
      <c r="BG19" s="1"/>
      <c r="BH19" s="1"/>
      <c r="BI19" s="1"/>
      <c r="BJ19" s="1"/>
      <c r="BK19" s="1"/>
      <c r="BL19" s="1"/>
      <c r="BM19" s="1">
        <v>0.08</v>
      </c>
      <c r="BN19" s="1">
        <v>7.4999999999999997E-2</v>
      </c>
      <c r="BO19" s="1"/>
      <c r="BP19" s="1"/>
      <c r="BQ19" s="1">
        <v>24.43</v>
      </c>
      <c r="BR19" s="1"/>
      <c r="BS19" s="1"/>
      <c r="BT19" s="1">
        <v>3.5</v>
      </c>
      <c r="BU19" s="1"/>
      <c r="BV19" s="1"/>
      <c r="BW19" s="1"/>
      <c r="BX19" s="1"/>
      <c r="BY19" s="1"/>
      <c r="BZ19" s="1"/>
    </row>
    <row r="20" spans="1:78" x14ac:dyDescent="0.15">
      <c r="B20" s="2">
        <v>0.38055555555555554</v>
      </c>
      <c r="C20" s="1" t="s">
        <v>478</v>
      </c>
      <c r="D20" s="1" t="s">
        <v>43</v>
      </c>
      <c r="E20" s="1" t="s">
        <v>70</v>
      </c>
      <c r="F20" s="1" t="s">
        <v>360</v>
      </c>
      <c r="G20" s="1" t="s">
        <v>193</v>
      </c>
      <c r="J20" s="1" t="s">
        <v>272</v>
      </c>
      <c r="N20" s="1" t="s">
        <v>33</v>
      </c>
      <c r="P20" s="1" t="s">
        <v>35</v>
      </c>
      <c r="Q20" s="1" t="s">
        <v>36</v>
      </c>
      <c r="S20" s="1" t="s">
        <v>114</v>
      </c>
      <c r="U20" s="1">
        <v>6</v>
      </c>
      <c r="V20" s="1"/>
      <c r="W20" s="1"/>
      <c r="X20" s="1">
        <v>0.33</v>
      </c>
      <c r="Y20" s="1">
        <v>4.9000000000000002E-2</v>
      </c>
      <c r="Z20" s="1">
        <v>1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25</v>
      </c>
      <c r="BC20" s="1">
        <v>0.16</v>
      </c>
      <c r="BD20" s="1">
        <v>0.21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0.04</v>
      </c>
      <c r="BO20" s="1"/>
      <c r="BP20" s="1"/>
      <c r="BQ20" s="1">
        <v>32.270000000000003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/>
      <c r="B21" s="2">
        <v>0.38055555555555554</v>
      </c>
      <c r="C21" s="1" t="s">
        <v>553</v>
      </c>
      <c r="D21" s="1"/>
      <c r="E21" s="1"/>
      <c r="F21" s="1"/>
      <c r="G21" s="1"/>
      <c r="H21" s="1"/>
      <c r="I21" s="1"/>
      <c r="J21" s="1">
        <v>13.25</v>
      </c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923611111111111</v>
      </c>
      <c r="C22" s="1" t="s">
        <v>476</v>
      </c>
      <c r="D22" s="1" t="s">
        <v>43</v>
      </c>
      <c r="E22" s="1" t="s">
        <v>44</v>
      </c>
      <c r="F22" s="1" t="s">
        <v>361</v>
      </c>
      <c r="G22" s="1" t="s">
        <v>167</v>
      </c>
      <c r="J22" s="1" t="s">
        <v>30</v>
      </c>
      <c r="K22" s="1" t="s">
        <v>338</v>
      </c>
      <c r="M22" s="1" t="s">
        <v>179</v>
      </c>
      <c r="N22" s="1" t="s">
        <v>33</v>
      </c>
      <c r="O22" s="1" t="s">
        <v>298</v>
      </c>
      <c r="P22" s="1" t="s">
        <v>35</v>
      </c>
      <c r="Q22" s="1" t="s">
        <v>84</v>
      </c>
      <c r="S22" s="1" t="s">
        <v>91</v>
      </c>
      <c r="U22" s="1">
        <v>8.1999999999999993</v>
      </c>
      <c r="V22" s="3">
        <v>2</v>
      </c>
      <c r="W22" s="1" t="s">
        <v>508</v>
      </c>
      <c r="X22" s="1">
        <v>0.51</v>
      </c>
      <c r="Y22" s="1">
        <v>5.3999999999999999E-2</v>
      </c>
      <c r="Z22" s="1">
        <v>2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25</v>
      </c>
      <c r="BC22" s="1">
        <v>0.18</v>
      </c>
      <c r="BD22" s="1">
        <v>0.23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3.2000000000000001E-2</v>
      </c>
      <c r="BO22" s="1"/>
      <c r="BP22" s="1"/>
      <c r="BQ22" s="1">
        <v>32.15</v>
      </c>
      <c r="BR22" s="1"/>
      <c r="BS22" s="1"/>
      <c r="BT22" s="1">
        <v>10</v>
      </c>
      <c r="BU22" s="1"/>
      <c r="BV22" s="1"/>
      <c r="BW22" s="1"/>
      <c r="BX22" s="1"/>
      <c r="BY22" s="1"/>
      <c r="BZ22" s="1"/>
    </row>
    <row r="23" spans="1:78" x14ac:dyDescent="0.15">
      <c r="B23" s="2">
        <v>0.39583333333333331</v>
      </c>
      <c r="C23" s="1" t="s">
        <v>478</v>
      </c>
      <c r="D23" s="1" t="s">
        <v>43</v>
      </c>
      <c r="E23" s="1" t="s">
        <v>44</v>
      </c>
      <c r="F23" s="1" t="s">
        <v>361</v>
      </c>
      <c r="G23" s="1" t="s">
        <v>353</v>
      </c>
      <c r="J23" s="1" t="s">
        <v>272</v>
      </c>
      <c r="N23" s="1" t="s">
        <v>33</v>
      </c>
      <c r="P23" s="1" t="s">
        <v>35</v>
      </c>
      <c r="Q23" s="1" t="s">
        <v>36</v>
      </c>
      <c r="S23" s="1" t="s">
        <v>156</v>
      </c>
      <c r="U23" s="1">
        <v>7.1</v>
      </c>
      <c r="V23" s="1"/>
      <c r="W23" s="1"/>
      <c r="X23" s="1">
        <v>0.31</v>
      </c>
      <c r="Y23" s="1">
        <v>3.3000000000000002E-2</v>
      </c>
      <c r="Z23" s="1">
        <v>1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25</v>
      </c>
      <c r="BC23" s="1">
        <v>0.12</v>
      </c>
      <c r="BD23" s="1">
        <v>0.17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2.5000000000000001E-2</v>
      </c>
      <c r="BO23" s="1"/>
      <c r="BP23" s="1"/>
      <c r="BQ23" s="1">
        <v>32.96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/>
      <c r="B24" s="2">
        <v>0.39583333333333331</v>
      </c>
      <c r="C24" s="1" t="s">
        <v>553</v>
      </c>
      <c r="D24" s="1"/>
      <c r="E24" s="1"/>
      <c r="F24" s="1"/>
      <c r="G24" s="1"/>
      <c r="H24" s="1"/>
      <c r="I24" s="1"/>
      <c r="J24" s="1">
        <v>13.25</v>
      </c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38541666666666669</v>
      </c>
      <c r="C25" s="1" t="s">
        <v>476</v>
      </c>
      <c r="D25" s="1" t="s">
        <v>27</v>
      </c>
      <c r="E25" s="1" t="s">
        <v>107</v>
      </c>
      <c r="F25" s="1" t="s">
        <v>357</v>
      </c>
      <c r="G25" s="1" t="s">
        <v>155</v>
      </c>
      <c r="J25" s="1" t="s">
        <v>30</v>
      </c>
      <c r="K25" s="1" t="s">
        <v>338</v>
      </c>
      <c r="M25" s="1" t="s">
        <v>146</v>
      </c>
      <c r="N25" s="1" t="s">
        <v>33</v>
      </c>
      <c r="O25" s="1" t="s">
        <v>208</v>
      </c>
      <c r="P25" s="1" t="s">
        <v>35</v>
      </c>
      <c r="Q25" s="1" t="s">
        <v>36</v>
      </c>
      <c r="S25" s="1" t="s">
        <v>170</v>
      </c>
      <c r="U25" s="1">
        <v>7.4</v>
      </c>
      <c r="V25" s="1" t="s">
        <v>515</v>
      </c>
      <c r="W25" s="1"/>
      <c r="X25" s="1">
        <v>0.37</v>
      </c>
      <c r="Y25" s="1">
        <v>3.1E-2</v>
      </c>
      <c r="Z25" s="1">
        <v>3.0000000000000001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25</v>
      </c>
      <c r="BC25" s="1">
        <v>0.15</v>
      </c>
      <c r="BD25" s="1">
        <v>0.2</v>
      </c>
      <c r="BE25" s="1"/>
      <c r="BF25" s="1"/>
      <c r="BG25" s="1"/>
      <c r="BH25" s="1"/>
      <c r="BI25" s="1"/>
      <c r="BJ25" s="1"/>
      <c r="BK25" s="1"/>
      <c r="BL25" s="1"/>
      <c r="BM25" s="1">
        <v>0.05</v>
      </c>
      <c r="BN25" s="1">
        <v>2.4E-2</v>
      </c>
      <c r="BO25" s="1"/>
      <c r="BP25" s="1"/>
      <c r="BQ25" s="1">
        <v>33.08</v>
      </c>
      <c r="BR25" s="1"/>
      <c r="BS25" s="1"/>
      <c r="BT25" s="1">
        <v>0.8</v>
      </c>
      <c r="BU25" s="1"/>
      <c r="BV25" s="1"/>
      <c r="BW25" s="1"/>
      <c r="BX25" s="1"/>
      <c r="BY25" s="1"/>
      <c r="BZ25" s="1"/>
    </row>
    <row r="26" spans="1:78" x14ac:dyDescent="0.15">
      <c r="B26" s="2">
        <v>0.3888888888888889</v>
      </c>
      <c r="C26" s="1" t="s">
        <v>478</v>
      </c>
      <c r="D26" s="1" t="s">
        <v>27</v>
      </c>
      <c r="E26" s="1" t="s">
        <v>107</v>
      </c>
      <c r="F26" s="1" t="s">
        <v>357</v>
      </c>
      <c r="G26" s="1" t="s">
        <v>140</v>
      </c>
      <c r="J26" s="1" t="s">
        <v>272</v>
      </c>
      <c r="N26" s="1" t="s">
        <v>33</v>
      </c>
      <c r="P26" s="1" t="s">
        <v>35</v>
      </c>
      <c r="Q26" s="1" t="s">
        <v>36</v>
      </c>
      <c r="S26" s="1" t="s">
        <v>54</v>
      </c>
      <c r="U26" s="1">
        <v>7</v>
      </c>
      <c r="V26" s="1"/>
      <c r="W26" s="1"/>
      <c r="X26" s="1">
        <v>0.32</v>
      </c>
      <c r="Y26" s="1">
        <v>3.5999999999999997E-2</v>
      </c>
      <c r="Z26" s="1">
        <v>1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25</v>
      </c>
      <c r="BC26" s="1">
        <v>0.14000000000000001</v>
      </c>
      <c r="BD26" s="1">
        <v>0.19</v>
      </c>
      <c r="BE26" s="1"/>
      <c r="BF26" s="1"/>
      <c r="BG26" s="1"/>
      <c r="BH26" s="1"/>
      <c r="BI26" s="1"/>
      <c r="BJ26" s="1"/>
      <c r="BK26" s="1"/>
      <c r="BL26" s="1"/>
      <c r="BM26" s="1">
        <v>0.05</v>
      </c>
      <c r="BN26" s="1">
        <v>2.5999999999999999E-2</v>
      </c>
      <c r="BO26" s="1"/>
      <c r="BP26" s="1"/>
      <c r="BQ26" s="1">
        <v>33.26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/>
      <c r="B27" s="2">
        <v>0.3888888888888889</v>
      </c>
      <c r="C27" s="1" t="s">
        <v>553</v>
      </c>
      <c r="D27" s="1"/>
      <c r="E27" s="1"/>
      <c r="F27" s="1"/>
      <c r="G27" s="1"/>
      <c r="H27" s="1"/>
      <c r="I27" s="1"/>
      <c r="J27" s="1">
        <v>13.25</v>
      </c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3840277777777778</v>
      </c>
      <c r="C28" s="1" t="s">
        <v>476</v>
      </c>
      <c r="D28" s="1" t="s">
        <v>43</v>
      </c>
      <c r="E28" s="1" t="s">
        <v>70</v>
      </c>
      <c r="F28" s="1" t="s">
        <v>187</v>
      </c>
      <c r="G28" s="1" t="s">
        <v>271</v>
      </c>
      <c r="J28" s="1" t="s">
        <v>30</v>
      </c>
      <c r="K28" s="1" t="s">
        <v>338</v>
      </c>
      <c r="M28" s="1" t="s">
        <v>40</v>
      </c>
      <c r="N28" s="1" t="s">
        <v>33</v>
      </c>
      <c r="O28" s="1" t="s">
        <v>208</v>
      </c>
      <c r="P28" s="1" t="s">
        <v>35</v>
      </c>
      <c r="Q28" s="1" t="s">
        <v>36</v>
      </c>
      <c r="S28" s="1" t="s">
        <v>201</v>
      </c>
      <c r="U28" s="1">
        <v>9.1</v>
      </c>
      <c r="V28" s="1" t="s">
        <v>515</v>
      </c>
      <c r="W28" s="1"/>
      <c r="X28" s="1">
        <v>0.52</v>
      </c>
      <c r="Y28" s="1">
        <v>0.04</v>
      </c>
      <c r="Z28" s="1">
        <v>5.000000000000000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25</v>
      </c>
      <c r="BC28" s="1">
        <v>0.26</v>
      </c>
      <c r="BD28" s="1">
        <v>0.31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3.2000000000000001E-2</v>
      </c>
      <c r="BO28" s="1"/>
      <c r="BP28" s="1"/>
      <c r="BQ28" s="1">
        <v>33.08</v>
      </c>
      <c r="BR28" s="1"/>
      <c r="BS28" s="1"/>
      <c r="BT28" s="1">
        <v>4</v>
      </c>
      <c r="BU28" s="1"/>
      <c r="BV28" s="1"/>
      <c r="BW28" s="1"/>
      <c r="BX28" s="1"/>
      <c r="BY28" s="1"/>
      <c r="BZ28" s="1"/>
    </row>
    <row r="29" spans="1:78" x14ac:dyDescent="0.15">
      <c r="B29" s="2">
        <v>0.38750000000000001</v>
      </c>
      <c r="C29" s="1" t="s">
        <v>478</v>
      </c>
      <c r="D29" s="1" t="s">
        <v>43</v>
      </c>
      <c r="E29" s="1" t="s">
        <v>70</v>
      </c>
      <c r="F29" s="1" t="s">
        <v>187</v>
      </c>
      <c r="G29" s="1" t="s">
        <v>280</v>
      </c>
      <c r="J29" s="1" t="s">
        <v>272</v>
      </c>
      <c r="N29" s="1" t="s">
        <v>33</v>
      </c>
      <c r="P29" s="1" t="s">
        <v>35</v>
      </c>
      <c r="Q29" s="1" t="s">
        <v>36</v>
      </c>
      <c r="S29" s="1" t="s">
        <v>156</v>
      </c>
      <c r="U29" s="1">
        <v>8.9</v>
      </c>
      <c r="V29" s="1"/>
      <c r="W29" s="1"/>
      <c r="X29" s="1">
        <v>0.44</v>
      </c>
      <c r="Y29" s="1">
        <v>3.5000000000000003E-2</v>
      </c>
      <c r="Z29" s="1">
        <v>4.0000000000000001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25</v>
      </c>
      <c r="BC29" s="1">
        <v>0.23</v>
      </c>
      <c r="BD29" s="1">
        <v>0.28000000000000003</v>
      </c>
      <c r="BF29" s="1"/>
      <c r="BG29" s="1"/>
      <c r="BH29" s="1"/>
      <c r="BI29" s="1"/>
      <c r="BJ29" s="1"/>
      <c r="BK29" s="1"/>
      <c r="BL29" s="1"/>
      <c r="BM29" s="1" t="s">
        <v>534</v>
      </c>
      <c r="BN29" s="1">
        <v>3.2000000000000001E-2</v>
      </c>
      <c r="BO29" s="1"/>
      <c r="BP29" s="1"/>
      <c r="BQ29" s="1">
        <v>33.34000000000000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/>
      <c r="B30" s="2">
        <v>0.38750000000000001</v>
      </c>
      <c r="C30" s="1" t="s">
        <v>553</v>
      </c>
      <c r="D30" s="1"/>
      <c r="E30" s="1"/>
      <c r="F30" s="1"/>
      <c r="G30" s="1"/>
      <c r="H30" s="1"/>
      <c r="I30" s="1"/>
      <c r="J30" s="1">
        <v>23.25</v>
      </c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8611111111111113</v>
      </c>
      <c r="C31" s="1" t="s">
        <v>476</v>
      </c>
      <c r="D31" s="1" t="s">
        <v>51</v>
      </c>
      <c r="E31" s="1" t="s">
        <v>70</v>
      </c>
      <c r="F31" s="1" t="s">
        <v>187</v>
      </c>
      <c r="G31" s="1" t="s">
        <v>268</v>
      </c>
      <c r="J31" s="1" t="s">
        <v>30</v>
      </c>
      <c r="K31" s="1" t="s">
        <v>338</v>
      </c>
      <c r="M31" s="1" t="s">
        <v>240</v>
      </c>
      <c r="N31" s="1" t="s">
        <v>33</v>
      </c>
      <c r="O31" s="1" t="s">
        <v>208</v>
      </c>
      <c r="P31" s="1" t="s">
        <v>35</v>
      </c>
      <c r="Q31" s="1" t="s">
        <v>36</v>
      </c>
      <c r="S31" s="1" t="s">
        <v>201</v>
      </c>
      <c r="U31" s="1">
        <v>10.7</v>
      </c>
      <c r="V31" s="1" t="s">
        <v>515</v>
      </c>
      <c r="W31" s="1" t="s">
        <v>508</v>
      </c>
      <c r="X31" s="1">
        <v>0.38</v>
      </c>
      <c r="Y31" s="1">
        <v>0.03</v>
      </c>
      <c r="Z31" s="1">
        <v>2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25</v>
      </c>
      <c r="BC31" s="1">
        <v>0.21</v>
      </c>
      <c r="BD31" s="1">
        <v>0.26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1.7999999999999999E-2</v>
      </c>
      <c r="BO31" s="1"/>
      <c r="BP31" s="1"/>
      <c r="BQ31" s="1">
        <v>33.17</v>
      </c>
      <c r="BR31" s="1" t="s">
        <v>531</v>
      </c>
      <c r="BS31" s="1"/>
      <c r="BT31" s="1">
        <v>1.4</v>
      </c>
      <c r="BU31" s="1"/>
      <c r="BV31" s="1"/>
      <c r="BW31" s="1"/>
      <c r="BX31" s="1"/>
      <c r="BY31" s="1"/>
      <c r="BZ31" s="1"/>
    </row>
    <row r="32" spans="1:78" x14ac:dyDescent="0.15">
      <c r="B32" s="2">
        <v>0.38958333333333334</v>
      </c>
      <c r="C32" s="1" t="s">
        <v>478</v>
      </c>
      <c r="D32" s="1" t="s">
        <v>51</v>
      </c>
      <c r="E32" s="1" t="s">
        <v>70</v>
      </c>
      <c r="F32" s="1" t="s">
        <v>187</v>
      </c>
      <c r="G32" s="1" t="s">
        <v>181</v>
      </c>
      <c r="J32" s="1" t="s">
        <v>272</v>
      </c>
      <c r="N32" s="1" t="s">
        <v>33</v>
      </c>
      <c r="P32" s="1" t="s">
        <v>35</v>
      </c>
      <c r="Q32" s="1" t="s">
        <v>36</v>
      </c>
      <c r="S32" s="1" t="s">
        <v>286</v>
      </c>
      <c r="U32" s="1">
        <v>9.3000000000000007</v>
      </c>
      <c r="V32" s="1"/>
      <c r="W32" s="1"/>
      <c r="X32" s="1">
        <v>0.28999999999999998</v>
      </c>
      <c r="Y32" s="1">
        <v>2.1000000000000001E-2</v>
      </c>
      <c r="Z32" s="1">
        <v>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25</v>
      </c>
      <c r="BC32" s="1">
        <v>0.16</v>
      </c>
      <c r="BD32" s="1">
        <v>0.21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4E-2</v>
      </c>
      <c r="BO32" s="1"/>
      <c r="BP32" s="1"/>
      <c r="BQ32" s="1">
        <v>33.68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8958333333333334</v>
      </c>
      <c r="C33" s="1" t="s">
        <v>553</v>
      </c>
      <c r="D33" s="1" t="s">
        <v>51</v>
      </c>
      <c r="E33" s="1" t="s">
        <v>70</v>
      </c>
      <c r="J33" s="1" t="s">
        <v>358</v>
      </c>
      <c r="N33" s="1" t="s">
        <v>33</v>
      </c>
      <c r="U33" s="1"/>
      <c r="V33" s="1"/>
      <c r="W33" s="1"/>
      <c r="X33" s="1"/>
      <c r="Y33" s="1"/>
      <c r="Z33" s="1"/>
      <c r="AC33" s="1" t="s">
        <v>509</v>
      </c>
      <c r="AD33" s="1" t="s">
        <v>516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7</v>
      </c>
      <c r="AL33" s="1" t="s">
        <v>517</v>
      </c>
      <c r="AM33" s="1" t="s">
        <v>517</v>
      </c>
      <c r="AN33" s="1" t="s">
        <v>517</v>
      </c>
      <c r="AO33" s="1" t="s">
        <v>517</v>
      </c>
      <c r="AP33" t="s">
        <v>517</v>
      </c>
      <c r="AQ33" s="1" t="s">
        <v>517</v>
      </c>
      <c r="AR33" s="1" t="s">
        <v>517</v>
      </c>
      <c r="AS33" s="1" t="s">
        <v>517</v>
      </c>
      <c r="AT33" s="1" t="s">
        <v>527</v>
      </c>
      <c r="AU33" s="1"/>
      <c r="AV33" s="1"/>
      <c r="AW33" s="1"/>
      <c r="AX33" s="1" t="s">
        <v>517</v>
      </c>
      <c r="AY33" s="1" t="s">
        <v>523</v>
      </c>
      <c r="AZ33" s="1"/>
      <c r="BA33" s="1"/>
      <c r="BB33" s="1"/>
      <c r="BC33" s="1"/>
      <c r="BD33" s="1"/>
      <c r="BF33" s="1" t="s">
        <v>511</v>
      </c>
      <c r="BG33" s="1" t="s">
        <v>510</v>
      </c>
      <c r="BH33" s="1" t="s">
        <v>512</v>
      </c>
      <c r="BI33" s="1" t="s">
        <v>510</v>
      </c>
      <c r="BJ33" s="1"/>
      <c r="BK33" s="1"/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8055555555555554</v>
      </c>
      <c r="C34" s="1" t="s">
        <v>476</v>
      </c>
      <c r="D34" s="1" t="s">
        <v>43</v>
      </c>
      <c r="E34" s="1" t="s">
        <v>477</v>
      </c>
      <c r="F34" s="1" t="s">
        <v>203</v>
      </c>
      <c r="G34" s="1" t="s">
        <v>209</v>
      </c>
      <c r="J34" s="1" t="s">
        <v>30</v>
      </c>
      <c r="K34" s="1" t="s">
        <v>338</v>
      </c>
      <c r="M34" s="1" t="s">
        <v>146</v>
      </c>
      <c r="N34" s="1" t="s">
        <v>33</v>
      </c>
      <c r="O34" s="1" t="s">
        <v>208</v>
      </c>
      <c r="P34" s="1" t="s">
        <v>35</v>
      </c>
      <c r="Q34" s="1" t="s">
        <v>84</v>
      </c>
      <c r="S34" s="1" t="s">
        <v>201</v>
      </c>
      <c r="U34" s="1">
        <v>9.6</v>
      </c>
      <c r="V34" s="3">
        <v>6</v>
      </c>
      <c r="W34" s="1"/>
      <c r="X34" s="1">
        <v>0.5</v>
      </c>
      <c r="Y34" s="1">
        <v>2.5999999999999999E-2</v>
      </c>
      <c r="Z34" s="1">
        <v>2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25</v>
      </c>
      <c r="BC34" s="1">
        <v>0.32</v>
      </c>
      <c r="BD34" s="1">
        <v>0.37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1.6E-2</v>
      </c>
      <c r="BO34" s="1"/>
      <c r="BP34" s="1"/>
      <c r="BQ34" s="1">
        <v>32.35</v>
      </c>
      <c r="BR34" s="1"/>
      <c r="BS34" s="1"/>
      <c r="BT34" s="1">
        <v>3.2</v>
      </c>
      <c r="BU34" s="1"/>
      <c r="BV34" s="1"/>
      <c r="BW34" s="1"/>
      <c r="BX34" s="1"/>
      <c r="BY34" s="1"/>
      <c r="BZ34" s="1"/>
    </row>
    <row r="35" spans="1:78" x14ac:dyDescent="0.15">
      <c r="B35" s="2">
        <v>0.3840277777777778</v>
      </c>
      <c r="C35" s="1" t="s">
        <v>478</v>
      </c>
      <c r="D35" s="1" t="s">
        <v>43</v>
      </c>
      <c r="E35" s="1" t="s">
        <v>477</v>
      </c>
      <c r="F35" s="1" t="s">
        <v>203</v>
      </c>
      <c r="G35" s="1" t="s">
        <v>267</v>
      </c>
      <c r="J35" s="1" t="s">
        <v>272</v>
      </c>
      <c r="N35" s="1" t="s">
        <v>33</v>
      </c>
      <c r="P35" s="1" t="s">
        <v>35</v>
      </c>
      <c r="Q35" s="1" t="s">
        <v>36</v>
      </c>
      <c r="S35" s="1" t="s">
        <v>156</v>
      </c>
      <c r="U35" s="1">
        <v>8.5</v>
      </c>
      <c r="V35" s="1"/>
      <c r="W35" s="1"/>
      <c r="X35" s="1">
        <v>0.37</v>
      </c>
      <c r="Y35" s="1">
        <v>2.3E-2</v>
      </c>
      <c r="Z35" s="1">
        <v>1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25</v>
      </c>
      <c r="BC35" s="1">
        <v>0.22</v>
      </c>
      <c r="BD35" s="1">
        <v>0.27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2.1000000000000001E-2</v>
      </c>
      <c r="BO35" s="1"/>
      <c r="BP35" s="1"/>
      <c r="BQ35" s="1">
        <v>33.6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840277777777778</v>
      </c>
      <c r="C36" s="1" t="s">
        <v>553</v>
      </c>
      <c r="D36" s="1" t="s">
        <v>43</v>
      </c>
      <c r="E36" s="1" t="s">
        <v>477</v>
      </c>
      <c r="J36" s="1" t="s">
        <v>358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 t="s">
        <v>526</v>
      </c>
      <c r="AV36" s="1" t="s">
        <v>509</v>
      </c>
      <c r="AW36" s="1" t="s">
        <v>523</v>
      </c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 t="s">
        <v>526</v>
      </c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1" spans="21:21" x14ac:dyDescent="0.15">
      <c r="U1481" s="1"/>
    </row>
    <row r="1482" spans="21:21" x14ac:dyDescent="0.15">
      <c r="U1482" s="1"/>
    </row>
    <row r="1483" spans="21:21" x14ac:dyDescent="0.15">
      <c r="U1483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3" spans="21:21" x14ac:dyDescent="0.15">
      <c r="U1493" s="1"/>
    </row>
    <row r="1494" spans="21:21" x14ac:dyDescent="0.15">
      <c r="U1494" s="1"/>
    </row>
    <row r="1495" spans="21:21" x14ac:dyDescent="0.15">
      <c r="U1495" s="1"/>
    </row>
    <row r="1496" spans="21:21" x14ac:dyDescent="0.15">
      <c r="U1496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0" spans="21:21" x14ac:dyDescent="0.15">
      <c r="U1500" s="1"/>
    </row>
    <row r="1501" spans="21:21" x14ac:dyDescent="0.15">
      <c r="U1501" s="1"/>
    </row>
    <row r="1502" spans="21:21" x14ac:dyDescent="0.15">
      <c r="U1502" s="1"/>
    </row>
    <row r="1503" spans="21:21" x14ac:dyDescent="0.15">
      <c r="U1503" s="1"/>
    </row>
    <row r="1504" spans="21:21" x14ac:dyDescent="0.15">
      <c r="U1504" s="1"/>
    </row>
    <row r="1505" spans="21:21" x14ac:dyDescent="0.15">
      <c r="U1505" s="1"/>
    </row>
    <row r="1506" spans="21:21" x14ac:dyDescent="0.15">
      <c r="U1506" s="1"/>
    </row>
    <row r="1507" spans="21:21" x14ac:dyDescent="0.15">
      <c r="U1507" s="1"/>
    </row>
    <row r="1508" spans="21:21" x14ac:dyDescent="0.15">
      <c r="U1508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</sheetData>
  <phoneticPr fontId="18"/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7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96</v>
      </c>
      <c r="E1" s="1" t="s">
        <v>2</v>
      </c>
      <c r="F1" s="1" t="s">
        <v>488</v>
      </c>
      <c r="G1" s="1" t="s">
        <v>3</v>
      </c>
      <c r="H1" s="1" t="s">
        <v>48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9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3833333333333333</v>
      </c>
      <c r="C4" s="1" t="s">
        <v>476</v>
      </c>
      <c r="D4" s="1" t="s">
        <v>27</v>
      </c>
      <c r="E4" s="1" t="s">
        <v>70</v>
      </c>
      <c r="F4" s="1" t="s">
        <v>356</v>
      </c>
      <c r="G4" s="1" t="s">
        <v>118</v>
      </c>
      <c r="J4" s="1" t="s">
        <v>30</v>
      </c>
      <c r="K4" s="1" t="s">
        <v>285</v>
      </c>
      <c r="M4" s="1" t="s">
        <v>207</v>
      </c>
      <c r="N4" s="1" t="s">
        <v>33</v>
      </c>
      <c r="O4" s="1" t="s">
        <v>208</v>
      </c>
      <c r="P4" s="1" t="s">
        <v>35</v>
      </c>
      <c r="Q4" s="1" t="s">
        <v>84</v>
      </c>
      <c r="S4" s="1" t="s">
        <v>170</v>
      </c>
      <c r="U4" s="1">
        <v>8.9</v>
      </c>
      <c r="V4" s="1" t="s">
        <v>515</v>
      </c>
      <c r="W4" s="1"/>
      <c r="X4" s="1">
        <v>0.27</v>
      </c>
      <c r="Y4" s="1">
        <v>2.5000000000000001E-2</v>
      </c>
      <c r="Z4" s="1">
        <v>2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25</v>
      </c>
      <c r="BC4" s="1">
        <v>0.13</v>
      </c>
      <c r="BD4" s="1">
        <v>0.18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1.0999999999999999E-2</v>
      </c>
      <c r="BO4" s="1"/>
      <c r="BP4" s="1"/>
      <c r="BQ4" s="1">
        <v>33.15</v>
      </c>
      <c r="BR4" s="1"/>
      <c r="BS4" s="1"/>
      <c r="BT4" s="1">
        <v>9.1999999999999993</v>
      </c>
      <c r="BU4" s="1"/>
      <c r="BV4" s="1"/>
      <c r="BW4" s="1"/>
      <c r="BX4" s="1"/>
      <c r="BY4" s="1"/>
      <c r="BZ4" s="1"/>
    </row>
    <row r="5" spans="1:78" x14ac:dyDescent="0.15">
      <c r="B5" s="2">
        <v>0.38680555555555557</v>
      </c>
      <c r="C5" s="1" t="s">
        <v>478</v>
      </c>
      <c r="D5" s="1" t="s">
        <v>27</v>
      </c>
      <c r="E5" s="1" t="s">
        <v>70</v>
      </c>
      <c r="F5" s="1" t="s">
        <v>356</v>
      </c>
      <c r="G5" s="1" t="s">
        <v>283</v>
      </c>
      <c r="J5" s="1" t="s">
        <v>40</v>
      </c>
      <c r="N5" s="1" t="s">
        <v>33</v>
      </c>
      <c r="P5" s="1" t="s">
        <v>35</v>
      </c>
      <c r="Q5" s="1" t="s">
        <v>36</v>
      </c>
      <c r="S5" s="1" t="s">
        <v>201</v>
      </c>
      <c r="U5" s="1">
        <v>8.4</v>
      </c>
      <c r="V5" s="1"/>
      <c r="W5" s="1"/>
      <c r="X5" s="1">
        <v>0.35</v>
      </c>
      <c r="Y5" s="1">
        <v>2.9000000000000001E-2</v>
      </c>
      <c r="Z5" s="1">
        <v>2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25</v>
      </c>
      <c r="BC5" s="1">
        <v>0.14000000000000001</v>
      </c>
      <c r="BD5" s="1">
        <v>0.19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1.4E-2</v>
      </c>
      <c r="BO5" s="1"/>
      <c r="BP5" s="1"/>
      <c r="BQ5" s="1">
        <v>33.299999999999997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84</v>
      </c>
      <c r="B6" s="2">
        <v>0.36319444444444443</v>
      </c>
      <c r="C6" s="1" t="s">
        <v>476</v>
      </c>
      <c r="D6" s="1" t="s">
        <v>27</v>
      </c>
      <c r="E6" s="1" t="s">
        <v>70</v>
      </c>
      <c r="F6" s="1" t="s">
        <v>183</v>
      </c>
      <c r="G6" s="1" t="s">
        <v>108</v>
      </c>
      <c r="J6" s="1" t="s">
        <v>30</v>
      </c>
      <c r="K6" s="1" t="s">
        <v>255</v>
      </c>
      <c r="M6" s="1" t="s">
        <v>285</v>
      </c>
      <c r="N6" s="1" t="s">
        <v>33</v>
      </c>
      <c r="O6" s="1" t="s">
        <v>208</v>
      </c>
      <c r="P6" s="1" t="s">
        <v>35</v>
      </c>
      <c r="Q6" s="1" t="s">
        <v>84</v>
      </c>
      <c r="S6" s="1" t="s">
        <v>301</v>
      </c>
      <c r="U6" s="1">
        <v>7.7</v>
      </c>
      <c r="V6" s="1" t="s">
        <v>515</v>
      </c>
      <c r="W6" s="1" t="s">
        <v>508</v>
      </c>
      <c r="X6" s="1">
        <v>0.32</v>
      </c>
      <c r="Y6" s="1">
        <v>2.1999999999999999E-2</v>
      </c>
      <c r="Z6" s="1">
        <v>3.0000000000000001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25</v>
      </c>
      <c r="BC6" s="1">
        <v>0.09</v>
      </c>
      <c r="BD6" s="1">
        <v>0.14000000000000001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0.01</v>
      </c>
      <c r="BO6" s="1"/>
      <c r="BP6" s="1"/>
      <c r="BQ6" s="1">
        <v>33.200000000000003</v>
      </c>
      <c r="BR6" s="1"/>
      <c r="BS6" s="1"/>
      <c r="BT6" s="1">
        <v>2</v>
      </c>
      <c r="BU6" s="1"/>
      <c r="BV6" s="1"/>
      <c r="BW6" s="1"/>
      <c r="BX6" s="1"/>
      <c r="BY6" s="1"/>
      <c r="BZ6" s="1"/>
    </row>
    <row r="7" spans="1:78" x14ac:dyDescent="0.15">
      <c r="B7" s="2">
        <v>0.36805555555555558</v>
      </c>
      <c r="C7" s="1" t="s">
        <v>478</v>
      </c>
      <c r="D7" s="1" t="s">
        <v>27</v>
      </c>
      <c r="E7" s="1" t="s">
        <v>70</v>
      </c>
      <c r="F7" s="1" t="s">
        <v>183</v>
      </c>
      <c r="G7" s="1" t="s">
        <v>278</v>
      </c>
      <c r="J7" s="1" t="s">
        <v>146</v>
      </c>
      <c r="N7" s="1" t="s">
        <v>33</v>
      </c>
      <c r="P7" s="1" t="s">
        <v>35</v>
      </c>
      <c r="Q7" s="1" t="s">
        <v>84</v>
      </c>
      <c r="S7" s="1" t="s">
        <v>286</v>
      </c>
      <c r="U7" s="1">
        <v>7.5</v>
      </c>
      <c r="V7" s="1"/>
      <c r="W7" s="1"/>
      <c r="X7" s="1">
        <v>0.43</v>
      </c>
      <c r="Y7" s="1">
        <v>2.4E-2</v>
      </c>
      <c r="Z7" s="1">
        <v>2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25</v>
      </c>
      <c r="BC7" s="1">
        <v>0.09</v>
      </c>
      <c r="BD7" s="1">
        <v>0.14000000000000001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8.9999999999999993E-3</v>
      </c>
      <c r="BO7" s="1"/>
      <c r="BP7" s="1"/>
      <c r="BQ7" s="1">
        <v>33.65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6527777777777781</v>
      </c>
      <c r="C8" s="1" t="s">
        <v>476</v>
      </c>
      <c r="D8" s="1" t="s">
        <v>51</v>
      </c>
      <c r="E8" s="1" t="s">
        <v>70</v>
      </c>
      <c r="F8" s="1" t="s">
        <v>262</v>
      </c>
      <c r="G8" s="1" t="s">
        <v>152</v>
      </c>
      <c r="J8" s="1" t="s">
        <v>30</v>
      </c>
      <c r="K8" s="1" t="s">
        <v>245</v>
      </c>
      <c r="M8" s="1" t="s">
        <v>362</v>
      </c>
      <c r="N8" s="1" t="s">
        <v>33</v>
      </c>
      <c r="O8" s="1" t="s">
        <v>208</v>
      </c>
      <c r="P8" s="1" t="s">
        <v>35</v>
      </c>
      <c r="Q8" s="1" t="s">
        <v>55</v>
      </c>
      <c r="S8" s="1" t="s">
        <v>49</v>
      </c>
      <c r="U8" s="1">
        <v>9.8000000000000007</v>
      </c>
      <c r="V8" s="3">
        <v>4</v>
      </c>
      <c r="W8" s="1"/>
      <c r="X8" s="1">
        <v>0.32</v>
      </c>
      <c r="Y8" s="1">
        <v>2.4E-2</v>
      </c>
      <c r="Z8" s="1">
        <v>1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25</v>
      </c>
      <c r="BC8" s="1" t="s">
        <v>525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>
        <v>3.0000000000000001E-3</v>
      </c>
      <c r="BO8" s="1"/>
      <c r="BP8" s="1"/>
      <c r="BQ8" s="1">
        <v>31.65</v>
      </c>
      <c r="BR8" s="1"/>
      <c r="BS8" s="1"/>
      <c r="BT8" s="1">
        <v>10</v>
      </c>
      <c r="BU8" s="1"/>
      <c r="BV8" s="1"/>
      <c r="BW8" s="1"/>
      <c r="BX8" s="1"/>
      <c r="BY8" s="1"/>
      <c r="BZ8" s="1"/>
    </row>
    <row r="9" spans="1:78" x14ac:dyDescent="0.15">
      <c r="B9" s="2">
        <v>0.36874999999999997</v>
      </c>
      <c r="C9" s="1" t="s">
        <v>478</v>
      </c>
      <c r="D9" s="1" t="s">
        <v>51</v>
      </c>
      <c r="E9" s="1" t="s">
        <v>70</v>
      </c>
      <c r="F9" s="1" t="s">
        <v>262</v>
      </c>
      <c r="G9" s="1" t="s">
        <v>270</v>
      </c>
      <c r="J9" s="1" t="s">
        <v>285</v>
      </c>
      <c r="N9" s="1" t="s">
        <v>33</v>
      </c>
      <c r="P9" s="1" t="s">
        <v>35</v>
      </c>
      <c r="Q9" s="1" t="s">
        <v>63</v>
      </c>
      <c r="S9" s="1" t="s">
        <v>126</v>
      </c>
      <c r="U9" s="1">
        <v>9</v>
      </c>
      <c r="V9" s="1"/>
      <c r="W9" s="1"/>
      <c r="X9" s="1">
        <v>0.22</v>
      </c>
      <c r="Y9" s="1">
        <v>1.7999999999999999E-2</v>
      </c>
      <c r="Z9" s="1">
        <v>1E-3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25</v>
      </c>
      <c r="BC9" s="1" t="s">
        <v>525</v>
      </c>
      <c r="BD9" s="1" t="s">
        <v>522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4.0000000000000001E-3</v>
      </c>
      <c r="BO9" s="1"/>
      <c r="BP9" s="1"/>
      <c r="BQ9" s="1">
        <v>32.119999999999997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89</v>
      </c>
      <c r="B10" s="2">
        <v>0.35555555555555557</v>
      </c>
      <c r="C10" s="1" t="s">
        <v>476</v>
      </c>
      <c r="D10" s="1" t="s">
        <v>43</v>
      </c>
      <c r="E10" s="1" t="s">
        <v>70</v>
      </c>
      <c r="F10" s="1" t="s">
        <v>227</v>
      </c>
      <c r="G10" s="1" t="s">
        <v>230</v>
      </c>
      <c r="J10" s="1" t="s">
        <v>30</v>
      </c>
      <c r="K10" s="1" t="s">
        <v>285</v>
      </c>
      <c r="M10" s="1" t="s">
        <v>96</v>
      </c>
      <c r="N10" s="1" t="s">
        <v>33</v>
      </c>
      <c r="O10" s="1" t="s">
        <v>208</v>
      </c>
      <c r="P10" s="1" t="s">
        <v>35</v>
      </c>
      <c r="Q10" s="1" t="s">
        <v>63</v>
      </c>
      <c r="S10" s="1" t="s">
        <v>170</v>
      </c>
      <c r="U10" s="1">
        <v>8</v>
      </c>
      <c r="V10" s="1" t="s">
        <v>515</v>
      </c>
      <c r="W10" s="1"/>
      <c r="X10" s="1">
        <v>0.16</v>
      </c>
      <c r="Y10" s="1">
        <v>2.8000000000000001E-2</v>
      </c>
      <c r="Z10" s="1">
        <v>2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25</v>
      </c>
      <c r="BC10" s="1" t="s">
        <v>525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1.0999999999999999E-2</v>
      </c>
      <c r="BO10" s="1"/>
      <c r="BP10" s="1"/>
      <c r="BQ10" s="1">
        <v>33.19</v>
      </c>
      <c r="BR10" s="1"/>
      <c r="BS10" s="1"/>
      <c r="BT10" s="1">
        <v>8.1</v>
      </c>
      <c r="BU10" s="1"/>
      <c r="BV10" s="1"/>
      <c r="BW10" s="1"/>
      <c r="BX10" s="1"/>
      <c r="BY10" s="1"/>
      <c r="BZ10" s="1"/>
    </row>
    <row r="11" spans="1:78" x14ac:dyDescent="0.15">
      <c r="B11" s="2">
        <v>0.35902777777777778</v>
      </c>
      <c r="C11" s="1" t="s">
        <v>478</v>
      </c>
      <c r="D11" s="1" t="s">
        <v>43</v>
      </c>
      <c r="E11" s="1" t="s">
        <v>70</v>
      </c>
      <c r="F11" s="1" t="s">
        <v>227</v>
      </c>
      <c r="G11" s="1" t="s">
        <v>89</v>
      </c>
      <c r="J11" s="1" t="s">
        <v>40</v>
      </c>
      <c r="N11" s="1" t="s">
        <v>33</v>
      </c>
      <c r="P11" s="1" t="s">
        <v>35</v>
      </c>
      <c r="Q11" s="1" t="s">
        <v>63</v>
      </c>
      <c r="S11" s="1" t="s">
        <v>114</v>
      </c>
      <c r="U11" s="1">
        <v>6.8</v>
      </c>
      <c r="V11" s="1"/>
      <c r="W11" s="1"/>
      <c r="X11" s="1">
        <v>0.31</v>
      </c>
      <c r="Y11" s="1">
        <v>3.3000000000000002E-2</v>
      </c>
      <c r="Z11" s="1">
        <v>1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25</v>
      </c>
      <c r="BC11" s="1" t="s">
        <v>525</v>
      </c>
      <c r="BD11" s="1" t="s">
        <v>522</v>
      </c>
      <c r="BE11" s="1"/>
      <c r="BF11" s="1"/>
      <c r="BG11" s="1"/>
      <c r="BH11" s="1"/>
      <c r="BI11" s="1"/>
      <c r="BJ11" s="1"/>
      <c r="BK11" s="1"/>
      <c r="BL11" s="1"/>
      <c r="BM11" s="1" t="s">
        <v>533</v>
      </c>
      <c r="BN11" s="1">
        <v>1.4E-2</v>
      </c>
      <c r="BO11" s="1"/>
      <c r="BP11" s="1"/>
      <c r="BQ11" s="1">
        <v>33.26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5902777777777778</v>
      </c>
      <c r="C12" s="1" t="s">
        <v>553</v>
      </c>
      <c r="D12" s="1" t="s">
        <v>43</v>
      </c>
      <c r="E12" s="1" t="s">
        <v>70</v>
      </c>
      <c r="J12" s="1" t="s">
        <v>363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26</v>
      </c>
      <c r="AV12" s="1" t="s">
        <v>509</v>
      </c>
      <c r="AW12" s="1" t="s">
        <v>523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26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5416666666666669</v>
      </c>
      <c r="C13" s="1" t="s">
        <v>476</v>
      </c>
      <c r="D13" s="1" t="s">
        <v>27</v>
      </c>
      <c r="E13" s="1" t="s">
        <v>70</v>
      </c>
      <c r="F13" s="1" t="s">
        <v>364</v>
      </c>
      <c r="G13" s="1" t="s">
        <v>154</v>
      </c>
      <c r="J13" s="1" t="s">
        <v>30</v>
      </c>
      <c r="K13" s="1" t="s">
        <v>285</v>
      </c>
      <c r="M13" s="1" t="s">
        <v>179</v>
      </c>
      <c r="N13" s="1" t="s">
        <v>33</v>
      </c>
      <c r="O13" s="1" t="s">
        <v>208</v>
      </c>
      <c r="P13" s="1" t="s">
        <v>35</v>
      </c>
      <c r="Q13" s="1" t="s">
        <v>63</v>
      </c>
      <c r="S13" s="1" t="s">
        <v>126</v>
      </c>
      <c r="U13" s="1">
        <v>9</v>
      </c>
      <c r="V13" s="1" t="s">
        <v>515</v>
      </c>
      <c r="W13" s="1" t="s">
        <v>508</v>
      </c>
      <c r="X13" s="1">
        <v>0.3</v>
      </c>
      <c r="Y13" s="1">
        <v>0.03</v>
      </c>
      <c r="Z13" s="1">
        <v>2E-3</v>
      </c>
      <c r="AA13" s="1" t="s">
        <v>562</v>
      </c>
      <c r="AB13" s="1" t="s">
        <v>558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25</v>
      </c>
      <c r="BC13" s="1" t="s">
        <v>525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7.0000000000000001E-3</v>
      </c>
      <c r="BO13" s="1"/>
      <c r="BP13" s="1"/>
      <c r="BQ13" s="1">
        <v>32.21</v>
      </c>
      <c r="BR13" s="1" t="s">
        <v>531</v>
      </c>
      <c r="BS13" s="1" t="s">
        <v>511</v>
      </c>
      <c r="BT13" s="1">
        <v>9.9</v>
      </c>
      <c r="BU13" s="1"/>
      <c r="BV13" s="1"/>
      <c r="BW13" s="1"/>
      <c r="BX13" s="1"/>
      <c r="BY13" s="1"/>
      <c r="BZ13" s="1"/>
    </row>
    <row r="14" spans="1:78" x14ac:dyDescent="0.15">
      <c r="B14" s="2">
        <v>0.35902777777777778</v>
      </c>
      <c r="C14" s="1" t="s">
        <v>478</v>
      </c>
      <c r="D14" s="1" t="s">
        <v>27</v>
      </c>
      <c r="E14" s="1" t="s">
        <v>70</v>
      </c>
      <c r="F14" s="1" t="s">
        <v>364</v>
      </c>
      <c r="G14" s="1" t="s">
        <v>295</v>
      </c>
      <c r="J14" s="1" t="s">
        <v>40</v>
      </c>
      <c r="N14" s="1" t="s">
        <v>33</v>
      </c>
      <c r="P14" s="1" t="s">
        <v>35</v>
      </c>
      <c r="Q14" s="1" t="s">
        <v>63</v>
      </c>
      <c r="S14" s="1" t="s">
        <v>54</v>
      </c>
      <c r="U14" s="1">
        <v>8.3000000000000007</v>
      </c>
      <c r="V14" s="1"/>
      <c r="W14" s="1"/>
      <c r="X14" s="1">
        <v>0.38</v>
      </c>
      <c r="Y14" s="1">
        <v>3.2000000000000001E-2</v>
      </c>
      <c r="Z14" s="1">
        <v>2E-3</v>
      </c>
      <c r="AA14" s="1" t="s">
        <v>562</v>
      </c>
      <c r="AB14" s="1" t="s">
        <v>561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25</v>
      </c>
      <c r="BC14" s="1" t="s">
        <v>525</v>
      </c>
      <c r="BD14" s="1" t="s">
        <v>522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8.0000000000000002E-3</v>
      </c>
      <c r="BO14" s="1"/>
      <c r="BP14" s="1"/>
      <c r="BQ14" s="1">
        <v>32.61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5902777777777778</v>
      </c>
      <c r="C15" s="1" t="s">
        <v>553</v>
      </c>
      <c r="D15" s="1" t="s">
        <v>27</v>
      </c>
      <c r="E15" s="1" t="s">
        <v>70</v>
      </c>
      <c r="J15" s="1" t="s">
        <v>363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6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7</v>
      </c>
      <c r="AL15" s="1" t="s">
        <v>517</v>
      </c>
      <c r="AM15" s="1" t="s">
        <v>517</v>
      </c>
      <c r="AN15" s="1" t="s">
        <v>517</v>
      </c>
      <c r="AO15" s="1" t="s">
        <v>517</v>
      </c>
      <c r="AP15" t="s">
        <v>517</v>
      </c>
      <c r="AQ15" s="1" t="s">
        <v>517</v>
      </c>
      <c r="AR15" s="1" t="s">
        <v>517</v>
      </c>
      <c r="AS15" s="1" t="s">
        <v>517</v>
      </c>
      <c r="AT15" s="1" t="s">
        <v>527</v>
      </c>
      <c r="AU15" s="1"/>
      <c r="AV15" s="1"/>
      <c r="AW15" s="1"/>
      <c r="AX15" s="1" t="s">
        <v>517</v>
      </c>
      <c r="AY15" s="1" t="s">
        <v>523</v>
      </c>
      <c r="AZ15" s="1"/>
      <c r="BA15" s="1"/>
      <c r="BB15" s="1"/>
      <c r="BC15" s="1"/>
      <c r="BD15" s="1"/>
      <c r="BE15" s="1"/>
      <c r="BF15" s="1" t="s">
        <v>511</v>
      </c>
      <c r="BG15" s="1" t="s">
        <v>510</v>
      </c>
      <c r="BH15" s="1" t="s">
        <v>512</v>
      </c>
      <c r="BI15" s="1" t="s">
        <v>510</v>
      </c>
      <c r="BJ15" s="1"/>
      <c r="BK15" s="1"/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520833333333333</v>
      </c>
      <c r="C16" s="1" t="s">
        <v>476</v>
      </c>
      <c r="D16" s="1" t="s">
        <v>43</v>
      </c>
      <c r="E16" s="1" t="s">
        <v>70</v>
      </c>
      <c r="F16" s="1" t="s">
        <v>365</v>
      </c>
      <c r="G16" s="1" t="s">
        <v>275</v>
      </c>
      <c r="J16" s="1" t="s">
        <v>30</v>
      </c>
      <c r="K16" s="1" t="s">
        <v>285</v>
      </c>
      <c r="M16" s="1" t="s">
        <v>207</v>
      </c>
      <c r="N16" s="1" t="s">
        <v>33</v>
      </c>
      <c r="O16" s="1" t="s">
        <v>208</v>
      </c>
      <c r="P16" s="1" t="s">
        <v>35</v>
      </c>
      <c r="Q16" s="1" t="s">
        <v>84</v>
      </c>
      <c r="S16" s="1" t="s">
        <v>41</v>
      </c>
      <c r="U16" s="1">
        <v>7.1</v>
      </c>
      <c r="V16" s="3">
        <v>4</v>
      </c>
      <c r="W16" s="1"/>
      <c r="X16" s="1">
        <v>0.34</v>
      </c>
      <c r="Y16" s="1">
        <v>3.3000000000000002E-2</v>
      </c>
      <c r="Z16" s="1">
        <v>4.0000000000000001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25</v>
      </c>
      <c r="BC16" s="1" t="s">
        <v>525</v>
      </c>
      <c r="BD16" s="1" t="s">
        <v>522</v>
      </c>
      <c r="BE16" s="1"/>
      <c r="BF16" s="1"/>
      <c r="BG16" s="1"/>
      <c r="BH16" s="1"/>
      <c r="BI16" s="1"/>
      <c r="BJ16" s="1"/>
      <c r="BK16" s="1"/>
      <c r="BL16" s="1"/>
      <c r="BM16" s="1">
        <v>0.05</v>
      </c>
      <c r="BN16" s="1">
        <v>1.7999999999999999E-2</v>
      </c>
      <c r="BO16" s="1"/>
      <c r="BP16" s="1"/>
      <c r="BQ16" s="1">
        <v>32.81</v>
      </c>
      <c r="BR16" s="1"/>
      <c r="BS16" s="1"/>
      <c r="BT16" s="1">
        <v>2.1</v>
      </c>
      <c r="BU16" s="1"/>
      <c r="BV16" s="1"/>
      <c r="BW16" s="1"/>
      <c r="BX16" s="1"/>
      <c r="BY16" s="1"/>
      <c r="BZ16" s="1"/>
    </row>
    <row r="17" spans="1:78" x14ac:dyDescent="0.15">
      <c r="B17" s="2">
        <v>0.35625000000000001</v>
      </c>
      <c r="C17" s="1" t="s">
        <v>478</v>
      </c>
      <c r="D17" s="1" t="s">
        <v>43</v>
      </c>
      <c r="E17" s="1" t="s">
        <v>70</v>
      </c>
      <c r="F17" s="1" t="s">
        <v>365</v>
      </c>
      <c r="G17" s="1" t="s">
        <v>313</v>
      </c>
      <c r="J17" s="1" t="s">
        <v>40</v>
      </c>
      <c r="N17" s="1" t="s">
        <v>33</v>
      </c>
      <c r="P17" s="1" t="s">
        <v>35</v>
      </c>
      <c r="Q17" s="1" t="s">
        <v>84</v>
      </c>
      <c r="S17" s="1" t="s">
        <v>91</v>
      </c>
      <c r="U17" s="1">
        <v>6.9</v>
      </c>
      <c r="V17" s="1"/>
      <c r="W17" s="1"/>
      <c r="X17" s="1">
        <v>0.34</v>
      </c>
      <c r="Y17" s="1">
        <v>0.03</v>
      </c>
      <c r="Z17" s="1">
        <v>4.000000000000000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25</v>
      </c>
      <c r="BC17" s="1">
        <v>0.05</v>
      </c>
      <c r="BD17" s="1">
        <v>0.1</v>
      </c>
      <c r="BE17" s="1"/>
      <c r="BF17" s="1"/>
      <c r="BG17" s="1"/>
      <c r="BH17" s="1"/>
      <c r="BI17" s="1"/>
      <c r="BJ17" s="1"/>
      <c r="BK17" s="1"/>
      <c r="BL17" s="1"/>
      <c r="BM17" s="1">
        <v>0.04</v>
      </c>
      <c r="BN17" s="1">
        <v>1.9E-2</v>
      </c>
      <c r="BO17" s="1"/>
      <c r="BP17" s="1"/>
      <c r="BQ17" s="1">
        <v>33.08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/>
      <c r="B18" s="2">
        <v>0.35625000000000001</v>
      </c>
      <c r="C18" s="1" t="s">
        <v>553</v>
      </c>
      <c r="D18" s="1"/>
      <c r="E18" s="1"/>
      <c r="F18" s="1"/>
      <c r="G18" s="1"/>
      <c r="H18" s="1"/>
      <c r="I18" s="1"/>
      <c r="J18" s="1">
        <v>4.25</v>
      </c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4583333333333338</v>
      </c>
      <c r="C19" s="1" t="s">
        <v>476</v>
      </c>
      <c r="D19" s="1" t="s">
        <v>43</v>
      </c>
      <c r="E19" s="1" t="s">
        <v>70</v>
      </c>
      <c r="F19" s="1" t="s">
        <v>161</v>
      </c>
      <c r="G19" s="1" t="s">
        <v>314</v>
      </c>
      <c r="J19" s="1" t="s">
        <v>30</v>
      </c>
      <c r="K19" s="1" t="s">
        <v>285</v>
      </c>
      <c r="M19" s="1" t="s">
        <v>211</v>
      </c>
      <c r="N19" s="1" t="s">
        <v>33</v>
      </c>
      <c r="O19" s="1" t="s">
        <v>298</v>
      </c>
      <c r="P19" s="1" t="s">
        <v>35</v>
      </c>
      <c r="Q19" s="1" t="s">
        <v>36</v>
      </c>
      <c r="S19" s="1" t="s">
        <v>137</v>
      </c>
      <c r="U19" s="1">
        <v>7.3</v>
      </c>
      <c r="V19" s="3">
        <v>4</v>
      </c>
      <c r="W19" s="1"/>
      <c r="X19" s="1">
        <v>0.54</v>
      </c>
      <c r="Y19" s="1">
        <v>4.1000000000000002E-2</v>
      </c>
      <c r="Z19" s="1">
        <v>4.0000000000000001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25</v>
      </c>
      <c r="BC19" s="1">
        <v>0.13</v>
      </c>
      <c r="BD19" s="1">
        <v>0.18</v>
      </c>
      <c r="BE19" s="1"/>
      <c r="BF19" s="1"/>
      <c r="BG19" s="1"/>
      <c r="BH19" s="1"/>
      <c r="BI19" s="1"/>
      <c r="BJ19" s="1"/>
      <c r="BK19" s="1"/>
      <c r="BL19" s="1"/>
      <c r="BM19" s="1" t="s">
        <v>533</v>
      </c>
      <c r="BN19" s="1">
        <v>1.2999999999999999E-2</v>
      </c>
      <c r="BO19" s="1"/>
      <c r="BP19" s="1"/>
      <c r="BQ19" s="1">
        <v>32.18</v>
      </c>
      <c r="BR19" s="1"/>
      <c r="BS19" s="1"/>
      <c r="BT19" s="1">
        <v>2</v>
      </c>
      <c r="BU19" s="1"/>
      <c r="BV19" s="1"/>
      <c r="BW19" s="1"/>
      <c r="BX19" s="1"/>
      <c r="BY19" s="1"/>
      <c r="BZ19" s="1"/>
    </row>
    <row r="20" spans="1:78" x14ac:dyDescent="0.15">
      <c r="B20" s="2">
        <v>0.34930555555555554</v>
      </c>
      <c r="C20" s="1" t="s">
        <v>478</v>
      </c>
      <c r="D20" s="1" t="s">
        <v>43</v>
      </c>
      <c r="E20" s="1" t="s">
        <v>70</v>
      </c>
      <c r="F20" s="1" t="s">
        <v>161</v>
      </c>
      <c r="G20" s="1" t="s">
        <v>89</v>
      </c>
      <c r="J20" s="1" t="s">
        <v>40</v>
      </c>
      <c r="N20" s="1" t="s">
        <v>33</v>
      </c>
      <c r="P20" s="1" t="s">
        <v>35</v>
      </c>
      <c r="Q20" s="1" t="s">
        <v>36</v>
      </c>
      <c r="S20" s="1" t="s">
        <v>156</v>
      </c>
      <c r="U20" s="1">
        <v>7.3</v>
      </c>
      <c r="V20" s="1"/>
      <c r="W20" s="1"/>
      <c r="X20" s="1">
        <v>0.32</v>
      </c>
      <c r="Y20" s="1">
        <v>0.04</v>
      </c>
      <c r="Z20" s="1">
        <v>2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25</v>
      </c>
      <c r="BC20" s="1">
        <v>0.11</v>
      </c>
      <c r="BD20" s="1">
        <v>0.16</v>
      </c>
      <c r="BE20" s="1"/>
      <c r="BF20" s="1"/>
      <c r="BG20" s="1"/>
      <c r="BH20" s="1"/>
      <c r="BI20" s="1"/>
      <c r="BJ20" s="1"/>
      <c r="BK20" s="1"/>
      <c r="BL20" s="1"/>
      <c r="BM20" s="1">
        <v>0.04</v>
      </c>
      <c r="BN20" s="1">
        <v>2.3E-2</v>
      </c>
      <c r="BO20" s="1"/>
      <c r="BP20" s="1"/>
      <c r="BQ20" s="1">
        <v>32.35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/>
      <c r="B21" s="2">
        <v>0.34930555555555554</v>
      </c>
      <c r="C21" s="1" t="s">
        <v>553</v>
      </c>
      <c r="D21" s="1"/>
      <c r="E21" s="1"/>
      <c r="F21" s="1"/>
      <c r="G21" s="1"/>
      <c r="H21" s="1"/>
      <c r="I21" s="1"/>
      <c r="J21" s="1">
        <v>4.25</v>
      </c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4513888888888888</v>
      </c>
      <c r="C22" s="1" t="s">
        <v>476</v>
      </c>
      <c r="D22" s="1" t="s">
        <v>43</v>
      </c>
      <c r="E22" s="1" t="s">
        <v>44</v>
      </c>
      <c r="F22" s="1" t="s">
        <v>278</v>
      </c>
      <c r="G22" s="1" t="s">
        <v>354</v>
      </c>
      <c r="J22" s="1" t="s">
        <v>30</v>
      </c>
      <c r="K22" s="1" t="s">
        <v>285</v>
      </c>
      <c r="M22" s="1" t="s">
        <v>121</v>
      </c>
      <c r="N22" s="1" t="s">
        <v>33</v>
      </c>
      <c r="O22" s="1" t="s">
        <v>298</v>
      </c>
      <c r="P22" s="1" t="s">
        <v>35</v>
      </c>
      <c r="Q22" s="1" t="s">
        <v>36</v>
      </c>
      <c r="S22" s="1" t="s">
        <v>170</v>
      </c>
      <c r="U22" s="1">
        <v>7.5</v>
      </c>
      <c r="V22" s="3">
        <v>7</v>
      </c>
      <c r="W22" s="1" t="s">
        <v>508</v>
      </c>
      <c r="X22" s="1">
        <v>0.32</v>
      </c>
      <c r="Y22" s="1">
        <v>3.5999999999999997E-2</v>
      </c>
      <c r="Z22" s="1">
        <v>3.0000000000000001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25</v>
      </c>
      <c r="BC22" s="1">
        <v>0.14000000000000001</v>
      </c>
      <c r="BD22" s="1">
        <v>0.19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2.5999999999999999E-2</v>
      </c>
      <c r="BO22" s="1"/>
      <c r="BP22" s="1"/>
      <c r="BQ22" s="1">
        <v>32.61</v>
      </c>
      <c r="BR22" s="1"/>
      <c r="BS22" s="1"/>
      <c r="BT22" s="1">
        <v>2.6</v>
      </c>
      <c r="BU22" s="1"/>
      <c r="BV22" s="1"/>
      <c r="BW22" s="1"/>
      <c r="BX22" s="1"/>
      <c r="BY22" s="1"/>
      <c r="BZ22" s="1"/>
    </row>
    <row r="23" spans="1:78" x14ac:dyDescent="0.15">
      <c r="B23" s="2">
        <v>0.34861111111111115</v>
      </c>
      <c r="C23" s="1" t="s">
        <v>478</v>
      </c>
      <c r="D23" s="1" t="s">
        <v>43</v>
      </c>
      <c r="E23" s="1" t="s">
        <v>44</v>
      </c>
      <c r="F23" s="1" t="s">
        <v>278</v>
      </c>
      <c r="G23" s="1" t="s">
        <v>353</v>
      </c>
      <c r="J23" s="1" t="s">
        <v>40</v>
      </c>
      <c r="N23" s="1" t="s">
        <v>33</v>
      </c>
      <c r="P23" s="1" t="s">
        <v>35</v>
      </c>
      <c r="Q23" s="1" t="s">
        <v>36</v>
      </c>
      <c r="S23" s="1" t="s">
        <v>286</v>
      </c>
      <c r="U23" s="1">
        <v>8</v>
      </c>
      <c r="V23" s="1"/>
      <c r="W23" s="1"/>
      <c r="X23" s="1">
        <v>0.28000000000000003</v>
      </c>
      <c r="Y23" s="1">
        <v>3.3000000000000002E-2</v>
      </c>
      <c r="Z23" s="1">
        <v>2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25</v>
      </c>
      <c r="BC23" s="1">
        <v>0.12</v>
      </c>
      <c r="BD23" s="1">
        <v>0.17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2.1999999999999999E-2</v>
      </c>
      <c r="BO23" s="1"/>
      <c r="BP23" s="1"/>
      <c r="BQ23" s="1">
        <v>32.97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/>
      <c r="B24" s="2">
        <v>0.34861111111111115</v>
      </c>
      <c r="C24" s="1" t="s">
        <v>553</v>
      </c>
      <c r="D24" s="1"/>
      <c r="E24" s="1"/>
      <c r="F24" s="1"/>
      <c r="G24" s="1"/>
      <c r="H24" s="1"/>
      <c r="I24" s="1"/>
      <c r="J24" s="1">
        <v>4.25</v>
      </c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34375</v>
      </c>
      <c r="C25" s="1" t="s">
        <v>476</v>
      </c>
      <c r="D25" s="1" t="s">
        <v>27</v>
      </c>
      <c r="E25" s="1" t="s">
        <v>107</v>
      </c>
      <c r="F25" s="1" t="s">
        <v>353</v>
      </c>
      <c r="G25" s="1" t="s">
        <v>155</v>
      </c>
      <c r="J25" s="1" t="s">
        <v>30</v>
      </c>
      <c r="K25" s="1" t="s">
        <v>285</v>
      </c>
      <c r="M25" s="1" t="s">
        <v>96</v>
      </c>
      <c r="N25" s="1" t="s">
        <v>33</v>
      </c>
      <c r="O25" s="1" t="s">
        <v>298</v>
      </c>
      <c r="P25" s="1" t="s">
        <v>35</v>
      </c>
      <c r="Q25" s="1" t="s">
        <v>36</v>
      </c>
      <c r="S25" s="1" t="s">
        <v>54</v>
      </c>
      <c r="U25" s="1">
        <v>7.8</v>
      </c>
      <c r="V25" s="3">
        <v>17</v>
      </c>
      <c r="W25" s="1"/>
      <c r="X25" s="1">
        <v>0.41</v>
      </c>
      <c r="Y25" s="1">
        <v>0.03</v>
      </c>
      <c r="Z25" s="1">
        <v>7.0000000000000001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25</v>
      </c>
      <c r="BC25" s="1">
        <v>0.15</v>
      </c>
      <c r="BD25" s="1">
        <v>0.2</v>
      </c>
      <c r="BE25" s="1"/>
      <c r="BF25" s="1"/>
      <c r="BG25" s="1"/>
      <c r="BH25" s="1"/>
      <c r="BI25" s="1"/>
      <c r="BJ25" s="1"/>
      <c r="BK25" s="1"/>
      <c r="BL25" s="1"/>
      <c r="BM25" s="1" t="s">
        <v>533</v>
      </c>
      <c r="BN25" s="1">
        <v>1.9E-2</v>
      </c>
      <c r="BO25" s="1"/>
      <c r="BP25" s="1"/>
      <c r="BQ25" s="1">
        <v>32.880000000000003</v>
      </c>
      <c r="BR25" s="1"/>
      <c r="BS25" s="1"/>
      <c r="BT25" s="1">
        <v>1.4</v>
      </c>
      <c r="BU25" s="1"/>
      <c r="BV25" s="1"/>
      <c r="BW25" s="1"/>
      <c r="BX25" s="1"/>
      <c r="BY25" s="1"/>
      <c r="BZ25" s="1"/>
    </row>
    <row r="26" spans="1:78" x14ac:dyDescent="0.15">
      <c r="B26" s="2">
        <v>0.34722222222222227</v>
      </c>
      <c r="C26" s="1" t="s">
        <v>478</v>
      </c>
      <c r="D26" s="1" t="s">
        <v>27</v>
      </c>
      <c r="E26" s="1" t="s">
        <v>107</v>
      </c>
      <c r="F26" s="1" t="s">
        <v>353</v>
      </c>
      <c r="G26" s="1" t="s">
        <v>260</v>
      </c>
      <c r="J26" s="1" t="s">
        <v>40</v>
      </c>
      <c r="N26" s="1" t="s">
        <v>33</v>
      </c>
      <c r="P26" s="1" t="s">
        <v>35</v>
      </c>
      <c r="Q26" s="1" t="s">
        <v>36</v>
      </c>
      <c r="S26" s="1" t="s">
        <v>201</v>
      </c>
      <c r="U26" s="1">
        <v>8.1999999999999993</v>
      </c>
      <c r="V26" s="1"/>
      <c r="W26" s="1"/>
      <c r="X26" s="1">
        <v>0.31</v>
      </c>
      <c r="Y26" s="1">
        <v>2.5000000000000001E-2</v>
      </c>
      <c r="Z26" s="1">
        <v>2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25</v>
      </c>
      <c r="BC26" s="1">
        <v>0.12</v>
      </c>
      <c r="BD26" s="1">
        <v>0.17</v>
      </c>
      <c r="BE26" s="1"/>
      <c r="BF26" s="1"/>
      <c r="BG26" s="1"/>
      <c r="BH26" s="1"/>
      <c r="BI26" s="1"/>
      <c r="BJ26" s="1"/>
      <c r="BK26" s="1"/>
      <c r="BL26" s="1"/>
      <c r="BM26" s="1">
        <v>0.04</v>
      </c>
      <c r="BN26" s="1">
        <v>0.02</v>
      </c>
      <c r="BO26" s="1"/>
      <c r="BP26" s="1"/>
      <c r="BQ26" s="1">
        <v>33.409999999999997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/>
      <c r="B27" s="2">
        <v>0.34722222222222227</v>
      </c>
      <c r="C27" s="1" t="s">
        <v>553</v>
      </c>
      <c r="D27" s="1"/>
      <c r="E27" s="1"/>
      <c r="F27" s="1"/>
      <c r="G27" s="1"/>
      <c r="H27" s="1"/>
      <c r="I27" s="1"/>
      <c r="J27" s="1">
        <v>4.25</v>
      </c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34722222222222227</v>
      </c>
      <c r="C28" s="1" t="s">
        <v>476</v>
      </c>
      <c r="D28" s="1" t="s">
        <v>27</v>
      </c>
      <c r="E28" s="1" t="s">
        <v>70</v>
      </c>
      <c r="F28" s="1" t="s">
        <v>240</v>
      </c>
      <c r="G28" s="1" t="s">
        <v>194</v>
      </c>
      <c r="J28" s="1" t="s">
        <v>30</v>
      </c>
      <c r="K28" s="1" t="s">
        <v>285</v>
      </c>
      <c r="M28" s="1" t="s">
        <v>285</v>
      </c>
      <c r="N28" s="1" t="s">
        <v>33</v>
      </c>
      <c r="O28" s="1" t="s">
        <v>298</v>
      </c>
      <c r="P28" s="1" t="s">
        <v>35</v>
      </c>
      <c r="Q28" s="1" t="s">
        <v>36</v>
      </c>
      <c r="S28" s="1" t="s">
        <v>156</v>
      </c>
      <c r="U28" s="1">
        <v>9.3000000000000007</v>
      </c>
      <c r="V28" s="1" t="s">
        <v>515</v>
      </c>
      <c r="W28" s="1"/>
      <c r="X28" s="1">
        <v>0.33</v>
      </c>
      <c r="Y28" s="1">
        <v>2.5999999999999999E-2</v>
      </c>
      <c r="Z28" s="1">
        <v>4.000000000000000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25</v>
      </c>
      <c r="BC28" s="1">
        <v>0.15</v>
      </c>
      <c r="BD28" s="1">
        <v>0.2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2.1999999999999999E-2</v>
      </c>
      <c r="BO28" s="1"/>
      <c r="BP28" s="1"/>
      <c r="BQ28" s="1">
        <v>33.770000000000003</v>
      </c>
      <c r="BR28" s="1"/>
      <c r="BS28" s="1"/>
      <c r="BT28" s="1">
        <v>1.6</v>
      </c>
      <c r="BU28" s="1"/>
      <c r="BV28" s="1"/>
      <c r="BW28" s="1"/>
      <c r="BX28" s="1"/>
      <c r="BY28" s="1"/>
      <c r="BZ28" s="1"/>
    </row>
    <row r="29" spans="1:78" x14ac:dyDescent="0.15">
      <c r="B29" s="2">
        <v>0.35069444444444442</v>
      </c>
      <c r="C29" s="1" t="s">
        <v>478</v>
      </c>
      <c r="D29" s="1" t="s">
        <v>27</v>
      </c>
      <c r="E29" s="1" t="s">
        <v>70</v>
      </c>
      <c r="F29" s="1" t="s">
        <v>240</v>
      </c>
      <c r="G29" s="1" t="s">
        <v>205</v>
      </c>
      <c r="J29" s="1" t="s">
        <v>40</v>
      </c>
      <c r="N29" s="1" t="s">
        <v>33</v>
      </c>
      <c r="P29" s="1" t="s">
        <v>35</v>
      </c>
      <c r="Q29" s="1" t="s">
        <v>36</v>
      </c>
      <c r="S29" s="1" t="s">
        <v>301</v>
      </c>
      <c r="U29" s="1">
        <v>9.1</v>
      </c>
      <c r="V29" s="1"/>
      <c r="W29" s="1"/>
      <c r="X29" s="1">
        <v>0.33</v>
      </c>
      <c r="Y29" s="1">
        <v>2.5999999999999999E-2</v>
      </c>
      <c r="Z29" s="1">
        <v>2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25</v>
      </c>
      <c r="BC29" s="1">
        <v>0.16</v>
      </c>
      <c r="BD29" s="1">
        <v>0.21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2.1999999999999999E-2</v>
      </c>
      <c r="BO29" s="1"/>
      <c r="BP29" s="1"/>
      <c r="BQ29" s="1">
        <v>33.81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/>
      <c r="B30" s="2">
        <v>0.35069444444444442</v>
      </c>
      <c r="C30" s="1" t="s">
        <v>553</v>
      </c>
      <c r="D30" s="1"/>
      <c r="E30" s="1"/>
      <c r="F30" s="1"/>
      <c r="G30" s="1"/>
      <c r="H30" s="1"/>
      <c r="I30" s="1"/>
      <c r="J30" s="1">
        <v>4.25</v>
      </c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4375</v>
      </c>
      <c r="C31" s="1" t="s">
        <v>476</v>
      </c>
      <c r="D31" s="1" t="s">
        <v>51</v>
      </c>
      <c r="E31" s="1" t="s">
        <v>70</v>
      </c>
      <c r="F31" s="1" t="s">
        <v>186</v>
      </c>
      <c r="G31" s="1" t="s">
        <v>212</v>
      </c>
      <c r="J31" s="1" t="s">
        <v>30</v>
      </c>
      <c r="K31" s="1" t="s">
        <v>285</v>
      </c>
      <c r="M31" s="1" t="s">
        <v>121</v>
      </c>
      <c r="N31" s="1" t="s">
        <v>33</v>
      </c>
      <c r="O31" s="1" t="s">
        <v>298</v>
      </c>
      <c r="P31" s="1" t="s">
        <v>35</v>
      </c>
      <c r="Q31" s="1" t="s">
        <v>36</v>
      </c>
      <c r="S31" s="1" t="s">
        <v>301</v>
      </c>
      <c r="U31" s="1">
        <v>8.5</v>
      </c>
      <c r="V31" s="1" t="s">
        <v>515</v>
      </c>
      <c r="W31" s="1" t="s">
        <v>508</v>
      </c>
      <c r="X31" s="1">
        <v>0.26</v>
      </c>
      <c r="Y31" s="1">
        <v>1.9E-2</v>
      </c>
      <c r="Z31" s="1">
        <v>2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25</v>
      </c>
      <c r="BC31" s="1">
        <v>0.16</v>
      </c>
      <c r="BD31" s="1">
        <v>0.21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1.4E-2</v>
      </c>
      <c r="BO31" s="1"/>
      <c r="BP31" s="1"/>
      <c r="BQ31" s="1">
        <v>33.68</v>
      </c>
      <c r="BR31" s="1" t="s">
        <v>531</v>
      </c>
      <c r="BS31" s="1"/>
      <c r="BT31" s="1">
        <v>1</v>
      </c>
      <c r="BU31" s="1"/>
      <c r="BV31" s="1"/>
      <c r="BW31" s="1"/>
      <c r="BX31" s="1"/>
      <c r="BY31" s="1"/>
      <c r="BZ31" s="1"/>
    </row>
    <row r="32" spans="1:78" x14ac:dyDescent="0.15">
      <c r="B32" s="2">
        <v>0.34722222222222227</v>
      </c>
      <c r="C32" s="1" t="s">
        <v>478</v>
      </c>
      <c r="D32" s="1" t="s">
        <v>51</v>
      </c>
      <c r="E32" s="1" t="s">
        <v>70</v>
      </c>
      <c r="F32" s="1" t="s">
        <v>186</v>
      </c>
      <c r="G32" s="1" t="s">
        <v>178</v>
      </c>
      <c r="J32" s="1" t="s">
        <v>40</v>
      </c>
      <c r="N32" s="1" t="s">
        <v>33</v>
      </c>
      <c r="P32" s="1" t="s">
        <v>35</v>
      </c>
      <c r="Q32" s="1" t="s">
        <v>36</v>
      </c>
      <c r="S32" s="1" t="s">
        <v>62</v>
      </c>
      <c r="U32" s="1">
        <v>8.6</v>
      </c>
      <c r="V32" s="1"/>
      <c r="W32" s="1"/>
      <c r="X32" s="1">
        <v>0.28999999999999998</v>
      </c>
      <c r="Y32" s="1">
        <v>2.3E-2</v>
      </c>
      <c r="Z32" s="1">
        <v>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25</v>
      </c>
      <c r="BC32" s="1">
        <v>0.13</v>
      </c>
      <c r="BD32" s="1">
        <v>0.18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4E-2</v>
      </c>
      <c r="BO32" s="1"/>
      <c r="BP32" s="1"/>
      <c r="BQ32" s="1">
        <v>33.79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4722222222222227</v>
      </c>
      <c r="C33" s="1" t="s">
        <v>553</v>
      </c>
      <c r="D33" s="1" t="s">
        <v>51</v>
      </c>
      <c r="E33" s="1" t="s">
        <v>70</v>
      </c>
      <c r="J33" s="1" t="s">
        <v>363</v>
      </c>
      <c r="N33" s="1" t="s">
        <v>33</v>
      </c>
      <c r="U33" s="1"/>
      <c r="V33" s="1"/>
      <c r="W33" s="1"/>
      <c r="X33" s="1"/>
      <c r="Y33" s="1"/>
      <c r="Z33" s="1"/>
      <c r="AC33" s="1" t="s">
        <v>509</v>
      </c>
      <c r="AD33" s="1" t="s">
        <v>516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7</v>
      </c>
      <c r="AL33" s="1" t="s">
        <v>517</v>
      </c>
      <c r="AM33" s="1" t="s">
        <v>517</v>
      </c>
      <c r="AN33" s="1" t="s">
        <v>517</v>
      </c>
      <c r="AO33" s="1" t="s">
        <v>517</v>
      </c>
      <c r="AP33" t="s">
        <v>517</v>
      </c>
      <c r="AQ33" s="1" t="s">
        <v>517</v>
      </c>
      <c r="AR33" s="1" t="s">
        <v>517</v>
      </c>
      <c r="AS33" s="1" t="s">
        <v>517</v>
      </c>
      <c r="AT33" s="1" t="s">
        <v>527</v>
      </c>
      <c r="AU33" s="1"/>
      <c r="AV33" s="1"/>
      <c r="AW33" s="1"/>
      <c r="AX33" s="1" t="s">
        <v>517</v>
      </c>
      <c r="AY33" s="1" t="s">
        <v>523</v>
      </c>
      <c r="AZ33" s="1"/>
      <c r="BA33" s="1"/>
      <c r="BB33" s="1"/>
      <c r="BC33" s="1"/>
      <c r="BD33" s="1"/>
      <c r="BF33" s="1" t="s">
        <v>511</v>
      </c>
      <c r="BG33" s="1" t="s">
        <v>510</v>
      </c>
      <c r="BH33" s="1" t="s">
        <v>512</v>
      </c>
      <c r="BI33" s="1" t="s">
        <v>510</v>
      </c>
      <c r="BJ33" s="1"/>
      <c r="BK33" s="1"/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611111111111111</v>
      </c>
      <c r="C34" s="1" t="s">
        <v>476</v>
      </c>
      <c r="D34" s="1" t="s">
        <v>43</v>
      </c>
      <c r="E34" s="1" t="s">
        <v>477</v>
      </c>
      <c r="F34" s="1" t="s">
        <v>178</v>
      </c>
      <c r="G34" s="1" t="s">
        <v>212</v>
      </c>
      <c r="J34" s="1" t="s">
        <v>30</v>
      </c>
      <c r="K34" s="1" t="s">
        <v>285</v>
      </c>
      <c r="M34" s="1" t="s">
        <v>285</v>
      </c>
      <c r="N34" s="1" t="s">
        <v>33</v>
      </c>
      <c r="O34" s="1" t="s">
        <v>208</v>
      </c>
      <c r="P34" s="1" t="s">
        <v>35</v>
      </c>
      <c r="Q34" s="1" t="s">
        <v>36</v>
      </c>
      <c r="S34" s="1" t="s">
        <v>156</v>
      </c>
      <c r="U34" s="1">
        <v>8.8000000000000007</v>
      </c>
      <c r="V34" s="3">
        <v>4</v>
      </c>
      <c r="W34" s="1"/>
      <c r="X34" s="1">
        <v>0.37</v>
      </c>
      <c r="Y34" s="1">
        <v>2.1999999999999999E-2</v>
      </c>
      <c r="Z34" s="1">
        <v>2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25</v>
      </c>
      <c r="BC34" s="1">
        <v>0.2</v>
      </c>
      <c r="BD34" s="1">
        <v>0.25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1.9E-2</v>
      </c>
      <c r="BO34" s="1"/>
      <c r="BP34" s="1"/>
      <c r="BQ34" s="1">
        <v>33.270000000000003</v>
      </c>
      <c r="BR34" s="1"/>
      <c r="BS34" s="1"/>
      <c r="BT34" s="1">
        <v>1.3</v>
      </c>
      <c r="BU34" s="1"/>
      <c r="BV34" s="1"/>
      <c r="BW34" s="1"/>
      <c r="BX34" s="1"/>
      <c r="BY34" s="1"/>
      <c r="BZ34" s="1"/>
    </row>
    <row r="35" spans="1:78" x14ac:dyDescent="0.15">
      <c r="B35" s="2">
        <v>0.36458333333333331</v>
      </c>
      <c r="C35" s="1" t="s">
        <v>478</v>
      </c>
      <c r="D35" s="1" t="s">
        <v>43</v>
      </c>
      <c r="E35" s="1" t="s">
        <v>477</v>
      </c>
      <c r="F35" s="1" t="s">
        <v>178</v>
      </c>
      <c r="G35" s="1" t="s">
        <v>267</v>
      </c>
      <c r="J35" s="1" t="s">
        <v>40</v>
      </c>
      <c r="N35" s="1" t="s">
        <v>33</v>
      </c>
      <c r="P35" s="1" t="s">
        <v>35</v>
      </c>
      <c r="Q35" s="1" t="s">
        <v>84</v>
      </c>
      <c r="S35" s="1" t="s">
        <v>301</v>
      </c>
      <c r="U35" s="1">
        <v>8.6999999999999993</v>
      </c>
      <c r="V35" s="1"/>
      <c r="W35" s="1"/>
      <c r="X35" s="1">
        <v>0.32</v>
      </c>
      <c r="Y35" s="1">
        <v>2.1000000000000001E-2</v>
      </c>
      <c r="Z35" s="1" t="s">
        <v>518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25</v>
      </c>
      <c r="BC35" s="1">
        <v>0.2</v>
      </c>
      <c r="BD35" s="1">
        <v>0.25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1.9E-2</v>
      </c>
      <c r="BO35" s="1"/>
      <c r="BP35" s="1"/>
      <c r="BQ35" s="1">
        <v>33.5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6458333333333331</v>
      </c>
      <c r="C36" s="1" t="s">
        <v>553</v>
      </c>
      <c r="D36" s="1" t="s">
        <v>43</v>
      </c>
      <c r="E36" s="1" t="s">
        <v>477</v>
      </c>
      <c r="J36" s="1" t="s">
        <v>363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 t="s">
        <v>526</v>
      </c>
      <c r="AV36" s="1" t="s">
        <v>509</v>
      </c>
      <c r="AW36" s="1" t="s">
        <v>523</v>
      </c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 t="s">
        <v>526</v>
      </c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</sheetData>
  <phoneticPr fontId="18"/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5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97</v>
      </c>
      <c r="E1" s="1" t="s">
        <v>2</v>
      </c>
      <c r="F1" s="1" t="s">
        <v>488</v>
      </c>
      <c r="G1" s="1" t="s">
        <v>3</v>
      </c>
      <c r="H1" s="1" t="s">
        <v>48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36458333333333331</v>
      </c>
      <c r="C4" s="1" t="s">
        <v>476</v>
      </c>
      <c r="D4" s="1" t="s">
        <v>27</v>
      </c>
      <c r="E4" s="1" t="s">
        <v>70</v>
      </c>
      <c r="F4" s="1" t="s">
        <v>261</v>
      </c>
      <c r="G4" s="1" t="s">
        <v>118</v>
      </c>
      <c r="J4" s="1" t="s">
        <v>30</v>
      </c>
      <c r="K4" s="1" t="s">
        <v>285</v>
      </c>
      <c r="M4" s="1" t="s">
        <v>259</v>
      </c>
      <c r="N4" s="1" t="s">
        <v>33</v>
      </c>
      <c r="O4" s="1" t="s">
        <v>208</v>
      </c>
      <c r="P4" s="1" t="s">
        <v>35</v>
      </c>
      <c r="Q4" s="1" t="s">
        <v>36</v>
      </c>
      <c r="S4" s="1" t="s">
        <v>170</v>
      </c>
      <c r="U4" s="1">
        <v>8.4</v>
      </c>
      <c r="V4" s="3">
        <v>490</v>
      </c>
      <c r="W4" s="1"/>
      <c r="X4" s="1">
        <v>0.46</v>
      </c>
      <c r="Y4" s="1">
        <v>3.7999999999999999E-2</v>
      </c>
      <c r="Z4" s="1">
        <v>2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25</v>
      </c>
      <c r="BC4" s="1">
        <v>0.23</v>
      </c>
      <c r="BD4" s="1">
        <v>0.28000000000000003</v>
      </c>
      <c r="BE4" s="1"/>
      <c r="BF4" s="1"/>
      <c r="BG4" s="1"/>
      <c r="BH4" s="1"/>
      <c r="BI4" s="1"/>
      <c r="BJ4" s="1"/>
      <c r="BK4" s="1"/>
      <c r="BL4" s="1"/>
      <c r="BM4" s="1">
        <v>0.06</v>
      </c>
      <c r="BN4" s="1">
        <v>2.5000000000000001E-2</v>
      </c>
      <c r="BO4" s="1"/>
      <c r="BP4" s="1"/>
      <c r="BQ4" s="1">
        <v>32.369999999999997</v>
      </c>
      <c r="BR4" s="1"/>
      <c r="BS4" s="1"/>
      <c r="BT4" s="1">
        <v>6</v>
      </c>
      <c r="BU4" s="1"/>
      <c r="BV4" s="1"/>
      <c r="BW4" s="1"/>
      <c r="BX4" s="1"/>
      <c r="BY4" s="1"/>
      <c r="BZ4" s="1"/>
    </row>
    <row r="5" spans="1:78" x14ac:dyDescent="0.15">
      <c r="B5" s="2">
        <v>0.36805555555555558</v>
      </c>
      <c r="C5" s="1" t="s">
        <v>478</v>
      </c>
      <c r="D5" s="1" t="s">
        <v>27</v>
      </c>
      <c r="E5" s="1" t="s">
        <v>70</v>
      </c>
      <c r="F5" s="1" t="s">
        <v>261</v>
      </c>
      <c r="G5" s="1" t="s">
        <v>235</v>
      </c>
      <c r="J5" s="1" t="s">
        <v>40</v>
      </c>
      <c r="N5" s="1" t="s">
        <v>33</v>
      </c>
      <c r="P5" s="1" t="s">
        <v>35</v>
      </c>
      <c r="Q5" s="1" t="s">
        <v>36</v>
      </c>
      <c r="S5" s="1" t="s">
        <v>114</v>
      </c>
      <c r="U5" s="1">
        <v>8.1999999999999993</v>
      </c>
      <c r="V5" s="1"/>
      <c r="W5" s="1"/>
      <c r="X5" s="1">
        <v>0.25</v>
      </c>
      <c r="Y5" s="1">
        <v>0.03</v>
      </c>
      <c r="Z5" s="1">
        <v>2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25</v>
      </c>
      <c r="BC5" s="1">
        <v>0.12</v>
      </c>
      <c r="BD5" s="1">
        <v>0.17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1.6E-2</v>
      </c>
      <c r="BO5" s="1"/>
      <c r="BP5" s="1"/>
      <c r="BQ5" s="1">
        <v>33.42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84</v>
      </c>
      <c r="B6" s="2">
        <v>0.34375</v>
      </c>
      <c r="C6" s="1" t="s">
        <v>476</v>
      </c>
      <c r="D6" s="1" t="s">
        <v>27</v>
      </c>
      <c r="E6" s="1" t="s">
        <v>70</v>
      </c>
      <c r="F6" s="1" t="s">
        <v>317</v>
      </c>
      <c r="G6" s="1" t="s">
        <v>46</v>
      </c>
      <c r="J6" s="1" t="s">
        <v>30</v>
      </c>
      <c r="K6" s="1" t="s">
        <v>285</v>
      </c>
      <c r="M6" s="1" t="s">
        <v>40</v>
      </c>
      <c r="N6" s="1" t="s">
        <v>33</v>
      </c>
      <c r="O6" s="1" t="s">
        <v>208</v>
      </c>
      <c r="P6" s="1" t="s">
        <v>35</v>
      </c>
      <c r="Q6" s="1" t="s">
        <v>36</v>
      </c>
      <c r="S6" s="1" t="s">
        <v>201</v>
      </c>
      <c r="U6" s="1">
        <v>7.1</v>
      </c>
      <c r="V6" s="3">
        <v>330</v>
      </c>
      <c r="W6" s="1" t="s">
        <v>508</v>
      </c>
      <c r="X6" s="1">
        <v>0.67</v>
      </c>
      <c r="Y6" s="1">
        <v>6.8000000000000005E-2</v>
      </c>
      <c r="Z6" s="1">
        <v>6.0000000000000001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25</v>
      </c>
      <c r="BC6" s="1">
        <v>0.34</v>
      </c>
      <c r="BD6" s="1">
        <v>0.39</v>
      </c>
      <c r="BE6" s="1"/>
      <c r="BF6" s="1"/>
      <c r="BG6" s="1"/>
      <c r="BH6" s="1"/>
      <c r="BI6" s="1"/>
      <c r="BJ6" s="1"/>
      <c r="BK6" s="1"/>
      <c r="BL6" s="1"/>
      <c r="BM6" s="1">
        <v>0.05</v>
      </c>
      <c r="BN6" s="1">
        <v>0.05</v>
      </c>
      <c r="BO6" s="1"/>
      <c r="BP6" s="1"/>
      <c r="BQ6" s="1">
        <v>29.25</v>
      </c>
      <c r="BR6" s="1"/>
      <c r="BS6" s="1"/>
      <c r="BT6" s="1">
        <v>1.6</v>
      </c>
      <c r="BU6" s="1"/>
      <c r="BV6" s="1"/>
      <c r="BW6" s="1"/>
      <c r="BX6" s="1"/>
      <c r="BY6" s="1"/>
      <c r="BZ6" s="1"/>
    </row>
    <row r="7" spans="1:78" x14ac:dyDescent="0.15">
      <c r="B7" s="2">
        <v>0.34722222222222227</v>
      </c>
      <c r="C7" s="1" t="s">
        <v>478</v>
      </c>
      <c r="D7" s="1" t="s">
        <v>27</v>
      </c>
      <c r="E7" s="1" t="s">
        <v>70</v>
      </c>
      <c r="F7" s="1" t="s">
        <v>317</v>
      </c>
      <c r="G7" s="1" t="s">
        <v>109</v>
      </c>
      <c r="J7" s="1" t="s">
        <v>40</v>
      </c>
      <c r="N7" s="1" t="s">
        <v>33</v>
      </c>
      <c r="P7" s="1" t="s">
        <v>35</v>
      </c>
      <c r="Q7" s="1" t="s">
        <v>84</v>
      </c>
      <c r="S7" s="1" t="s">
        <v>301</v>
      </c>
      <c r="U7" s="1">
        <v>7.5</v>
      </c>
      <c r="V7" s="1"/>
      <c r="W7" s="1"/>
      <c r="X7" s="1">
        <v>0.22</v>
      </c>
      <c r="Y7" s="1">
        <v>2.4E-2</v>
      </c>
      <c r="Z7" s="1">
        <v>3.0000000000000001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25</v>
      </c>
      <c r="BC7" s="1">
        <v>7.0000000000000007E-2</v>
      </c>
      <c r="BD7" s="1">
        <v>0.12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1.2999999999999999E-2</v>
      </c>
      <c r="BO7" s="1"/>
      <c r="BP7" s="1"/>
      <c r="BQ7" s="1">
        <v>33.45000000000000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5138888888888892</v>
      </c>
      <c r="C8" s="1" t="s">
        <v>476</v>
      </c>
      <c r="D8" s="1" t="s">
        <v>51</v>
      </c>
      <c r="E8" s="1" t="s">
        <v>70</v>
      </c>
      <c r="F8" s="1" t="s">
        <v>261</v>
      </c>
      <c r="G8" s="1" t="s">
        <v>152</v>
      </c>
      <c r="J8" s="1" t="s">
        <v>30</v>
      </c>
      <c r="K8" s="1" t="s">
        <v>285</v>
      </c>
      <c r="M8" s="1" t="s">
        <v>37</v>
      </c>
      <c r="N8" s="1" t="s">
        <v>33</v>
      </c>
      <c r="O8" s="1" t="s">
        <v>208</v>
      </c>
      <c r="P8" s="1" t="s">
        <v>35</v>
      </c>
      <c r="Q8" s="1" t="s">
        <v>63</v>
      </c>
      <c r="S8" s="1" t="s">
        <v>169</v>
      </c>
      <c r="U8" s="1">
        <v>9</v>
      </c>
      <c r="V8" s="3">
        <v>79</v>
      </c>
      <c r="W8" s="1"/>
      <c r="X8" s="1">
        <v>0.56999999999999995</v>
      </c>
      <c r="Y8" s="1">
        <v>3.6999999999999998E-2</v>
      </c>
      <c r="Z8" s="1">
        <v>2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25</v>
      </c>
      <c r="BC8" s="1">
        <v>0.06</v>
      </c>
      <c r="BD8" s="1">
        <v>0.11</v>
      </c>
      <c r="BE8" s="1"/>
      <c r="BF8" s="1"/>
      <c r="BG8" s="1"/>
      <c r="BH8" s="1"/>
      <c r="BI8" s="1"/>
      <c r="BJ8" s="1"/>
      <c r="BK8" s="1"/>
      <c r="BL8" s="1"/>
      <c r="BM8" s="1">
        <v>0.06</v>
      </c>
      <c r="BN8" s="1">
        <v>0.01</v>
      </c>
      <c r="BO8" s="1"/>
      <c r="BP8" s="1"/>
      <c r="BQ8" s="1">
        <v>31.06</v>
      </c>
      <c r="BR8" s="1"/>
      <c r="BS8" s="1"/>
      <c r="BT8" s="1">
        <v>18</v>
      </c>
      <c r="BU8" s="1"/>
      <c r="BV8" s="1"/>
      <c r="BW8" s="1"/>
      <c r="BX8" s="1"/>
      <c r="BY8" s="1"/>
      <c r="BZ8" s="1"/>
    </row>
    <row r="9" spans="1:78" x14ac:dyDescent="0.15">
      <c r="B9" s="2">
        <v>0.35486111111111113</v>
      </c>
      <c r="C9" s="1" t="s">
        <v>478</v>
      </c>
      <c r="D9" s="1" t="s">
        <v>51</v>
      </c>
      <c r="E9" s="1" t="s">
        <v>70</v>
      </c>
      <c r="F9" s="1" t="s">
        <v>261</v>
      </c>
      <c r="G9" s="1" t="s">
        <v>356</v>
      </c>
      <c r="J9" s="1" t="s">
        <v>40</v>
      </c>
      <c r="N9" s="1" t="s">
        <v>33</v>
      </c>
      <c r="P9" s="1" t="s">
        <v>35</v>
      </c>
      <c r="Q9" s="1" t="s">
        <v>84</v>
      </c>
      <c r="S9" s="1" t="s">
        <v>111</v>
      </c>
      <c r="U9" s="1">
        <v>8.1999999999999993</v>
      </c>
      <c r="V9" s="1"/>
      <c r="W9" s="1"/>
      <c r="X9" s="1">
        <v>0.61</v>
      </c>
      <c r="Y9" s="1">
        <v>3.1E-2</v>
      </c>
      <c r="Z9" s="1">
        <v>2E-3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25</v>
      </c>
      <c r="BC9" s="1" t="s">
        <v>525</v>
      </c>
      <c r="BD9" s="1" t="s">
        <v>522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7.0000000000000001E-3</v>
      </c>
      <c r="BO9" s="1"/>
      <c r="BP9" s="1"/>
      <c r="BQ9" s="1">
        <v>32.49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89</v>
      </c>
      <c r="B10" s="2">
        <v>0.37152777777777773</v>
      </c>
      <c r="C10" s="1" t="s">
        <v>476</v>
      </c>
      <c r="D10" s="1" t="s">
        <v>43</v>
      </c>
      <c r="E10" s="1" t="s">
        <v>70</v>
      </c>
      <c r="F10" s="1" t="s">
        <v>366</v>
      </c>
      <c r="G10" s="1" t="s">
        <v>316</v>
      </c>
      <c r="J10" s="1" t="s">
        <v>30</v>
      </c>
      <c r="K10" s="1" t="s">
        <v>285</v>
      </c>
      <c r="M10" s="1" t="s">
        <v>207</v>
      </c>
      <c r="N10" s="1" t="s">
        <v>33</v>
      </c>
      <c r="O10" s="1" t="s">
        <v>208</v>
      </c>
      <c r="P10" s="1" t="s">
        <v>35</v>
      </c>
      <c r="Q10" s="1" t="s">
        <v>63</v>
      </c>
      <c r="S10" s="1" t="s">
        <v>131</v>
      </c>
      <c r="U10" s="1">
        <v>7.9</v>
      </c>
      <c r="V10" s="3">
        <v>2</v>
      </c>
      <c r="W10" s="1"/>
      <c r="X10" s="1">
        <v>0.32</v>
      </c>
      <c r="Y10" s="1">
        <v>3.4000000000000002E-2</v>
      </c>
      <c r="Z10" s="1">
        <v>2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25</v>
      </c>
      <c r="BC10" s="1" t="s">
        <v>525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1.4E-2</v>
      </c>
      <c r="BO10" s="1"/>
      <c r="BP10" s="1"/>
      <c r="BQ10" s="1">
        <v>33.03</v>
      </c>
      <c r="BR10" s="1"/>
      <c r="BS10" s="1"/>
      <c r="BT10" s="1">
        <v>8.6</v>
      </c>
      <c r="BU10" s="1"/>
      <c r="BV10" s="1"/>
      <c r="BW10" s="1"/>
      <c r="BX10" s="1"/>
      <c r="BY10" s="1"/>
      <c r="BZ10" s="1"/>
    </row>
    <row r="11" spans="1:78" x14ac:dyDescent="0.15">
      <c r="B11" s="2">
        <v>0.375</v>
      </c>
      <c r="C11" s="1" t="s">
        <v>478</v>
      </c>
      <c r="D11" s="1" t="s">
        <v>43</v>
      </c>
      <c r="E11" s="1" t="s">
        <v>70</v>
      </c>
      <c r="F11" s="1" t="s">
        <v>366</v>
      </c>
      <c r="G11" s="1" t="s">
        <v>314</v>
      </c>
      <c r="J11" s="1" t="s">
        <v>40</v>
      </c>
      <c r="N11" s="1" t="s">
        <v>33</v>
      </c>
      <c r="P11" s="1" t="s">
        <v>35</v>
      </c>
      <c r="Q11" s="1" t="s">
        <v>63</v>
      </c>
      <c r="S11" s="1" t="s">
        <v>57</v>
      </c>
      <c r="U11" s="1">
        <v>7.4</v>
      </c>
      <c r="V11" s="1"/>
      <c r="W11" s="1"/>
      <c r="X11" s="1">
        <v>0.33</v>
      </c>
      <c r="Y11" s="1">
        <v>4.2999999999999997E-2</v>
      </c>
      <c r="Z11" s="1">
        <v>2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25</v>
      </c>
      <c r="BC11" s="1" t="s">
        <v>525</v>
      </c>
      <c r="BD11" s="1" t="s">
        <v>522</v>
      </c>
      <c r="BE11" s="1"/>
      <c r="BF11" s="1"/>
      <c r="BG11" s="1"/>
      <c r="BH11" s="1"/>
      <c r="BI11" s="1"/>
      <c r="BJ11" s="1"/>
      <c r="BK11" s="1"/>
      <c r="BL11" s="1"/>
      <c r="BM11" s="1" t="s">
        <v>533</v>
      </c>
      <c r="BN11" s="1">
        <v>2.1999999999999999E-2</v>
      </c>
      <c r="BO11" s="1"/>
      <c r="BP11" s="1"/>
      <c r="BQ11" s="1">
        <v>33.29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75</v>
      </c>
      <c r="C12" s="1" t="s">
        <v>553</v>
      </c>
      <c r="D12" s="1" t="s">
        <v>43</v>
      </c>
      <c r="E12" s="1" t="s">
        <v>70</v>
      </c>
      <c r="J12" s="1" t="s">
        <v>363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26</v>
      </c>
      <c r="AV12" s="1" t="s">
        <v>509</v>
      </c>
      <c r="AW12" s="1" t="s">
        <v>523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26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7013888888888885</v>
      </c>
      <c r="C13" s="1" t="s">
        <v>476</v>
      </c>
      <c r="D13" s="1" t="s">
        <v>27</v>
      </c>
      <c r="E13" s="1" t="s">
        <v>70</v>
      </c>
      <c r="F13" s="1" t="s">
        <v>359</v>
      </c>
      <c r="G13" s="1" t="s">
        <v>305</v>
      </c>
      <c r="J13" s="1" t="s">
        <v>30</v>
      </c>
      <c r="K13" s="1" t="s">
        <v>285</v>
      </c>
      <c r="M13" s="1" t="s">
        <v>362</v>
      </c>
      <c r="N13" s="1" t="s">
        <v>33</v>
      </c>
      <c r="O13" s="1" t="s">
        <v>208</v>
      </c>
      <c r="P13" s="1" t="s">
        <v>35</v>
      </c>
      <c r="Q13" s="1" t="s">
        <v>63</v>
      </c>
      <c r="S13" s="1" t="s">
        <v>91</v>
      </c>
      <c r="U13" s="1">
        <v>8.4</v>
      </c>
      <c r="V13" s="3">
        <v>11</v>
      </c>
      <c r="W13" s="1" t="s">
        <v>508</v>
      </c>
      <c r="X13" s="1">
        <v>0.36</v>
      </c>
      <c r="Y13" s="1">
        <v>0.04</v>
      </c>
      <c r="Z13" s="1">
        <v>3.0000000000000001E-3</v>
      </c>
      <c r="AA13" s="1" t="s">
        <v>555</v>
      </c>
      <c r="AB13" s="1" t="s">
        <v>572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25</v>
      </c>
      <c r="BC13" s="1" t="s">
        <v>525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1.0999999999999999E-2</v>
      </c>
      <c r="BO13" s="1"/>
      <c r="BP13" s="1"/>
      <c r="BQ13" s="1">
        <v>31.76</v>
      </c>
      <c r="BR13" s="1" t="s">
        <v>531</v>
      </c>
      <c r="BS13" s="1" t="s">
        <v>511</v>
      </c>
      <c r="BT13" s="1">
        <v>12</v>
      </c>
      <c r="BU13" s="1"/>
      <c r="BV13" s="1"/>
      <c r="BW13" s="1"/>
      <c r="BX13" s="1"/>
      <c r="BY13" s="1"/>
      <c r="BZ13" s="1"/>
    </row>
    <row r="14" spans="1:78" x14ac:dyDescent="0.15">
      <c r="B14" s="2">
        <v>0.375</v>
      </c>
      <c r="C14" s="1" t="s">
        <v>478</v>
      </c>
      <c r="D14" s="1" t="s">
        <v>27</v>
      </c>
      <c r="E14" s="1" t="s">
        <v>70</v>
      </c>
      <c r="F14" s="1" t="s">
        <v>359</v>
      </c>
      <c r="G14" s="1" t="s">
        <v>183</v>
      </c>
      <c r="J14" s="1" t="s">
        <v>40</v>
      </c>
      <c r="N14" s="1" t="s">
        <v>33</v>
      </c>
      <c r="P14" s="1" t="s">
        <v>35</v>
      </c>
      <c r="Q14" s="1" t="s">
        <v>84</v>
      </c>
      <c r="S14" s="1" t="s">
        <v>286</v>
      </c>
      <c r="U14" s="1">
        <v>7.1</v>
      </c>
      <c r="V14" s="1"/>
      <c r="W14" s="1"/>
      <c r="X14" s="1">
        <v>0.28999999999999998</v>
      </c>
      <c r="Y14" s="1">
        <v>0.03</v>
      </c>
      <c r="Z14" s="1">
        <v>1E-3</v>
      </c>
      <c r="AA14" s="1" t="s">
        <v>562</v>
      </c>
      <c r="AB14" s="1" t="s">
        <v>559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25</v>
      </c>
      <c r="BC14" s="1" t="s">
        <v>525</v>
      </c>
      <c r="BD14" s="1" t="s">
        <v>522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1.2E-2</v>
      </c>
      <c r="BO14" s="1"/>
      <c r="BP14" s="1"/>
      <c r="BQ14" s="1">
        <v>32.9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75</v>
      </c>
      <c r="C15" s="1" t="s">
        <v>553</v>
      </c>
      <c r="D15" s="1" t="s">
        <v>27</v>
      </c>
      <c r="E15" s="1" t="s">
        <v>70</v>
      </c>
      <c r="J15" s="1" t="s">
        <v>363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6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7</v>
      </c>
      <c r="AL15" s="1" t="s">
        <v>517</v>
      </c>
      <c r="AM15" s="1" t="s">
        <v>517</v>
      </c>
      <c r="AN15" s="1" t="s">
        <v>517</v>
      </c>
      <c r="AO15" s="1" t="s">
        <v>517</v>
      </c>
      <c r="AP15" t="s">
        <v>517</v>
      </c>
      <c r="AQ15" s="1" t="s">
        <v>517</v>
      </c>
      <c r="AR15" s="1" t="s">
        <v>517</v>
      </c>
      <c r="AS15" s="1" t="s">
        <v>517</v>
      </c>
      <c r="AT15" s="1" t="s">
        <v>527</v>
      </c>
      <c r="AU15" s="1"/>
      <c r="AV15" s="1"/>
      <c r="AW15" s="1"/>
      <c r="AX15" s="1" t="s">
        <v>517</v>
      </c>
      <c r="AY15" s="1" t="s">
        <v>523</v>
      </c>
      <c r="AZ15" s="1"/>
      <c r="BA15" s="1"/>
      <c r="BB15" s="1"/>
      <c r="BC15" s="1"/>
      <c r="BD15" s="1"/>
      <c r="BE15" s="1"/>
      <c r="BF15" s="1" t="s">
        <v>511</v>
      </c>
      <c r="BG15" s="1" t="s">
        <v>510</v>
      </c>
      <c r="BH15" s="1" t="s">
        <v>512</v>
      </c>
      <c r="BI15" s="1" t="s">
        <v>510</v>
      </c>
      <c r="BJ15" s="1"/>
      <c r="BK15" s="1"/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6805555555555558</v>
      </c>
      <c r="C16" s="1" t="s">
        <v>476</v>
      </c>
      <c r="D16" s="1" t="s">
        <v>43</v>
      </c>
      <c r="E16" s="1" t="s">
        <v>70</v>
      </c>
      <c r="F16" s="1" t="s">
        <v>367</v>
      </c>
      <c r="G16" s="1" t="s">
        <v>160</v>
      </c>
      <c r="J16" s="1" t="s">
        <v>30</v>
      </c>
      <c r="K16" s="1" t="s">
        <v>146</v>
      </c>
      <c r="M16" s="1" t="s">
        <v>37</v>
      </c>
      <c r="N16" s="1" t="s">
        <v>33</v>
      </c>
      <c r="O16" s="1" t="s">
        <v>208</v>
      </c>
      <c r="P16" s="1" t="s">
        <v>35</v>
      </c>
      <c r="Q16" s="1" t="s">
        <v>84</v>
      </c>
      <c r="S16" s="1" t="s">
        <v>41</v>
      </c>
      <c r="U16" s="1">
        <v>6.3</v>
      </c>
      <c r="V16" s="3">
        <v>240</v>
      </c>
      <c r="W16" s="1"/>
      <c r="X16" s="1">
        <v>0.45</v>
      </c>
      <c r="Y16" s="1">
        <v>5.0999999999999997E-2</v>
      </c>
      <c r="Z16" s="1">
        <v>8.0000000000000002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25</v>
      </c>
      <c r="BC16" s="1">
        <v>0.08</v>
      </c>
      <c r="BD16" s="1">
        <v>0.13</v>
      </c>
      <c r="BE16" s="1"/>
      <c r="BF16" s="1"/>
      <c r="BG16" s="1"/>
      <c r="BH16" s="1"/>
      <c r="BI16" s="1"/>
      <c r="BJ16" s="1"/>
      <c r="BK16" s="1"/>
      <c r="BL16" s="1"/>
      <c r="BM16" s="1">
        <v>0.06</v>
      </c>
      <c r="BN16" s="1">
        <v>3.5999999999999997E-2</v>
      </c>
      <c r="BO16" s="1"/>
      <c r="BP16" s="1"/>
      <c r="BQ16" s="1">
        <v>32.71</v>
      </c>
      <c r="BR16" s="1"/>
      <c r="BS16" s="1"/>
      <c r="BT16" s="1">
        <v>1.9</v>
      </c>
      <c r="BU16" s="1"/>
      <c r="BV16" s="1"/>
      <c r="BW16" s="1"/>
      <c r="BX16" s="1"/>
      <c r="BY16" s="1"/>
      <c r="BZ16" s="1"/>
    </row>
    <row r="17" spans="1:78" x14ac:dyDescent="0.15">
      <c r="B17" s="2">
        <v>0.37152777777777773</v>
      </c>
      <c r="C17" s="1" t="s">
        <v>478</v>
      </c>
      <c r="D17" s="1" t="s">
        <v>43</v>
      </c>
      <c r="E17" s="1" t="s">
        <v>70</v>
      </c>
      <c r="F17" s="1" t="s">
        <v>367</v>
      </c>
      <c r="G17" s="1" t="s">
        <v>160</v>
      </c>
      <c r="J17" s="1" t="s">
        <v>121</v>
      </c>
      <c r="N17" s="1" t="s">
        <v>33</v>
      </c>
      <c r="P17" s="1" t="s">
        <v>35</v>
      </c>
      <c r="Q17" s="1" t="s">
        <v>84</v>
      </c>
      <c r="S17" s="1" t="s">
        <v>91</v>
      </c>
      <c r="U17" s="1">
        <v>7.4</v>
      </c>
      <c r="V17" s="1"/>
      <c r="W17" s="1"/>
      <c r="X17" s="1">
        <v>0.5</v>
      </c>
      <c r="Y17" s="1">
        <v>4.3999999999999997E-2</v>
      </c>
      <c r="Z17" s="1">
        <v>6.000000000000000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25</v>
      </c>
      <c r="BC17" s="1">
        <v>7.0000000000000007E-2</v>
      </c>
      <c r="BD17" s="1">
        <v>0.12</v>
      </c>
      <c r="BE17" s="1"/>
      <c r="BF17" s="1"/>
      <c r="BG17" s="1"/>
      <c r="BH17" s="1"/>
      <c r="BI17" s="1"/>
      <c r="BJ17" s="1"/>
      <c r="BK17" s="1"/>
      <c r="BL17" s="1"/>
      <c r="BM17" s="1">
        <v>7.0000000000000007E-2</v>
      </c>
      <c r="BN17" s="1">
        <v>2.9000000000000001E-2</v>
      </c>
      <c r="BO17" s="1"/>
      <c r="BP17" s="1"/>
      <c r="BQ17" s="1">
        <v>32.8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/>
      <c r="B18" s="2">
        <v>0.37152777777777773</v>
      </c>
      <c r="C18" s="1" t="s">
        <v>553</v>
      </c>
      <c r="D18" s="1"/>
      <c r="E18" s="1"/>
      <c r="F18" s="1"/>
      <c r="G18" s="1"/>
      <c r="H18" s="1"/>
      <c r="I18" s="1"/>
      <c r="J18" s="1">
        <v>4</v>
      </c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576388888888889</v>
      </c>
      <c r="C19" s="1" t="s">
        <v>476</v>
      </c>
      <c r="D19" s="1" t="s">
        <v>43</v>
      </c>
      <c r="E19" s="1" t="s">
        <v>70</v>
      </c>
      <c r="F19" s="1" t="s">
        <v>161</v>
      </c>
      <c r="G19" s="1" t="s">
        <v>65</v>
      </c>
      <c r="J19" s="1" t="s">
        <v>30</v>
      </c>
      <c r="K19" s="1" t="s">
        <v>285</v>
      </c>
      <c r="M19" s="1" t="s">
        <v>179</v>
      </c>
      <c r="N19" s="1" t="s">
        <v>33</v>
      </c>
      <c r="O19" s="1" t="s">
        <v>298</v>
      </c>
      <c r="P19" s="1" t="s">
        <v>35</v>
      </c>
      <c r="Q19" s="1" t="s">
        <v>36</v>
      </c>
      <c r="S19" s="1" t="s">
        <v>111</v>
      </c>
      <c r="U19" s="1">
        <v>7.1</v>
      </c>
      <c r="V19" s="3">
        <v>22</v>
      </c>
      <c r="W19" s="1"/>
      <c r="X19" s="1">
        <v>0.42</v>
      </c>
      <c r="Y19" s="1">
        <v>4.9000000000000002E-2</v>
      </c>
      <c r="Z19" s="1">
        <v>1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25</v>
      </c>
      <c r="BC19" s="1">
        <v>0.17</v>
      </c>
      <c r="BD19" s="1">
        <v>0.22</v>
      </c>
      <c r="BE19" s="1"/>
      <c r="BF19" s="1"/>
      <c r="BG19" s="1"/>
      <c r="BH19" s="1"/>
      <c r="BI19" s="1"/>
      <c r="BJ19" s="1"/>
      <c r="BK19" s="1"/>
      <c r="BL19" s="1"/>
      <c r="BM19" s="1" t="s">
        <v>533</v>
      </c>
      <c r="BN19" s="1">
        <v>3.3000000000000002E-2</v>
      </c>
      <c r="BO19" s="1"/>
      <c r="BP19" s="1"/>
      <c r="BQ19" s="1">
        <v>31.46</v>
      </c>
      <c r="BR19" s="1"/>
      <c r="BS19" s="1"/>
      <c r="BT19" s="1">
        <v>1.8</v>
      </c>
      <c r="BU19" s="1"/>
      <c r="BV19" s="1"/>
      <c r="BW19" s="1"/>
      <c r="BX19" s="1"/>
      <c r="BY19" s="1"/>
      <c r="BZ19" s="1"/>
    </row>
    <row r="20" spans="1:78" x14ac:dyDescent="0.15">
      <c r="B20" s="2">
        <v>0.3611111111111111</v>
      </c>
      <c r="C20" s="1" t="s">
        <v>478</v>
      </c>
      <c r="D20" s="1" t="s">
        <v>43</v>
      </c>
      <c r="E20" s="1" t="s">
        <v>70</v>
      </c>
      <c r="F20" s="1" t="s">
        <v>161</v>
      </c>
      <c r="G20" s="1" t="s">
        <v>94</v>
      </c>
      <c r="J20" s="1" t="s">
        <v>40</v>
      </c>
      <c r="N20" s="1" t="s">
        <v>33</v>
      </c>
      <c r="P20" s="1" t="s">
        <v>35</v>
      </c>
      <c r="Q20" s="1" t="s">
        <v>84</v>
      </c>
      <c r="S20" s="1" t="s">
        <v>201</v>
      </c>
      <c r="U20" s="1">
        <v>6.6</v>
      </c>
      <c r="V20" s="1"/>
      <c r="W20" s="1"/>
      <c r="X20" s="1">
        <v>0.28000000000000003</v>
      </c>
      <c r="Y20" s="1">
        <v>3.9E-2</v>
      </c>
      <c r="Z20" s="1">
        <v>1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25</v>
      </c>
      <c r="BC20" s="1">
        <v>0.12</v>
      </c>
      <c r="BD20" s="1">
        <v>0.17</v>
      </c>
      <c r="BE20" s="1"/>
      <c r="BF20" s="1"/>
      <c r="BG20" s="1"/>
      <c r="BH20" s="1"/>
      <c r="BI20" s="1"/>
      <c r="BJ20" s="1"/>
      <c r="BK20" s="1"/>
      <c r="BL20" s="1"/>
      <c r="BM20" s="1">
        <v>0.05</v>
      </c>
      <c r="BN20" s="1">
        <v>2.8000000000000001E-2</v>
      </c>
      <c r="BO20" s="1"/>
      <c r="BP20" s="1"/>
      <c r="BQ20" s="1">
        <v>32.25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/>
      <c r="B21" s="2">
        <v>0.3611111111111111</v>
      </c>
      <c r="C21" s="1" t="s">
        <v>553</v>
      </c>
      <c r="D21" s="1"/>
      <c r="E21" s="1"/>
      <c r="F21" s="1"/>
      <c r="G21" s="1"/>
      <c r="H21" s="1"/>
      <c r="I21" s="1"/>
      <c r="J21" s="1">
        <v>4.25</v>
      </c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5972222222222222</v>
      </c>
      <c r="C22" s="1" t="s">
        <v>476</v>
      </c>
      <c r="D22" s="1" t="s">
        <v>43</v>
      </c>
      <c r="E22" s="1" t="s">
        <v>44</v>
      </c>
      <c r="F22" s="1" t="s">
        <v>233</v>
      </c>
      <c r="G22" s="1" t="s">
        <v>46</v>
      </c>
      <c r="J22" s="1" t="s">
        <v>30</v>
      </c>
      <c r="K22" s="1" t="s">
        <v>285</v>
      </c>
      <c r="M22" s="1" t="s">
        <v>179</v>
      </c>
      <c r="N22" s="1" t="s">
        <v>33</v>
      </c>
      <c r="O22" s="1" t="s">
        <v>298</v>
      </c>
      <c r="P22" s="1" t="s">
        <v>35</v>
      </c>
      <c r="Q22" s="1" t="s">
        <v>36</v>
      </c>
      <c r="S22" s="1" t="s">
        <v>170</v>
      </c>
      <c r="U22" s="1">
        <v>8.1</v>
      </c>
      <c r="V22" s="3">
        <v>3300</v>
      </c>
      <c r="W22" s="1" t="s">
        <v>508</v>
      </c>
      <c r="X22" s="1">
        <v>0.48</v>
      </c>
      <c r="Y22" s="1">
        <v>6.0999999999999999E-2</v>
      </c>
      <c r="Z22" s="1">
        <v>2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25</v>
      </c>
      <c r="BC22" s="1">
        <v>0.19</v>
      </c>
      <c r="BD22" s="1">
        <v>0.24</v>
      </c>
      <c r="BE22" s="1"/>
      <c r="BF22" s="1"/>
      <c r="BG22" s="1"/>
      <c r="BH22" s="1"/>
      <c r="BI22" s="1"/>
      <c r="BJ22" s="1"/>
      <c r="BK22" s="1"/>
      <c r="BL22" s="1"/>
      <c r="BM22" s="1">
        <v>0.08</v>
      </c>
      <c r="BN22" s="1">
        <v>4.2999999999999997E-2</v>
      </c>
      <c r="BO22" s="1"/>
      <c r="BP22" s="1"/>
      <c r="BQ22" s="1">
        <v>31.63</v>
      </c>
      <c r="BR22" s="1"/>
      <c r="BS22" s="1"/>
      <c r="BT22" s="1">
        <v>5.9</v>
      </c>
      <c r="BU22" s="1"/>
      <c r="BV22" s="1"/>
      <c r="BW22" s="1"/>
      <c r="BX22" s="1"/>
      <c r="BY22" s="1"/>
      <c r="BZ22" s="1"/>
    </row>
    <row r="23" spans="1:78" x14ac:dyDescent="0.15">
      <c r="B23" s="2">
        <v>0.36319444444444443</v>
      </c>
      <c r="C23" s="1" t="s">
        <v>478</v>
      </c>
      <c r="D23" s="1" t="s">
        <v>43</v>
      </c>
      <c r="E23" s="1" t="s">
        <v>44</v>
      </c>
      <c r="F23" s="1" t="s">
        <v>233</v>
      </c>
      <c r="G23" s="1" t="s">
        <v>202</v>
      </c>
      <c r="J23" s="1" t="s">
        <v>40</v>
      </c>
      <c r="N23" s="1" t="s">
        <v>33</v>
      </c>
      <c r="P23" s="1" t="s">
        <v>35</v>
      </c>
      <c r="Q23" s="1" t="s">
        <v>36</v>
      </c>
      <c r="S23" s="1" t="s">
        <v>301</v>
      </c>
      <c r="U23" s="1">
        <v>7.4</v>
      </c>
      <c r="V23" s="1"/>
      <c r="W23" s="1"/>
      <c r="X23" s="1">
        <v>0.36</v>
      </c>
      <c r="Y23" s="1">
        <v>3.3000000000000002E-2</v>
      </c>
      <c r="Z23" s="1">
        <v>2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25</v>
      </c>
      <c r="BC23" s="1">
        <v>0.12</v>
      </c>
      <c r="BD23" s="1">
        <v>0.17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2.4E-2</v>
      </c>
      <c r="BO23" s="1"/>
      <c r="BP23" s="1"/>
      <c r="BQ23" s="1">
        <v>32.9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/>
      <c r="B24" s="2">
        <v>0.36319444444444443</v>
      </c>
      <c r="C24" s="1" t="s">
        <v>553</v>
      </c>
      <c r="D24" s="1"/>
      <c r="E24" s="1"/>
      <c r="F24" s="1"/>
      <c r="G24" s="1"/>
      <c r="H24" s="1"/>
      <c r="I24" s="1"/>
      <c r="J24" s="1">
        <v>4.25</v>
      </c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35625000000000001</v>
      </c>
      <c r="C25" s="1" t="s">
        <v>476</v>
      </c>
      <c r="D25" s="1" t="s">
        <v>27</v>
      </c>
      <c r="E25" s="1" t="s">
        <v>107</v>
      </c>
      <c r="F25" s="1" t="s">
        <v>345</v>
      </c>
      <c r="G25" s="1" t="s">
        <v>29</v>
      </c>
      <c r="J25" s="1" t="s">
        <v>30</v>
      </c>
      <c r="K25" s="1" t="s">
        <v>285</v>
      </c>
      <c r="M25" s="1" t="s">
        <v>67</v>
      </c>
      <c r="N25" s="1" t="s">
        <v>33</v>
      </c>
      <c r="O25" s="1" t="s">
        <v>298</v>
      </c>
      <c r="P25" s="1" t="s">
        <v>35</v>
      </c>
      <c r="Q25" s="1" t="s">
        <v>36</v>
      </c>
      <c r="S25" s="1" t="s">
        <v>111</v>
      </c>
      <c r="U25" s="1">
        <v>7.9</v>
      </c>
      <c r="V25" s="3">
        <v>1300</v>
      </c>
      <c r="W25" s="1"/>
      <c r="X25" s="1">
        <v>0.57999999999999996</v>
      </c>
      <c r="Y25" s="1">
        <v>4.5999999999999999E-2</v>
      </c>
      <c r="Z25" s="1">
        <v>3.0000000000000001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25</v>
      </c>
      <c r="BC25" s="1">
        <v>0.31</v>
      </c>
      <c r="BD25" s="1">
        <v>0.36</v>
      </c>
      <c r="BE25" s="1"/>
      <c r="BF25" s="1"/>
      <c r="BG25" s="1"/>
      <c r="BH25" s="1"/>
      <c r="BI25" s="1"/>
      <c r="BJ25" s="1"/>
      <c r="BK25" s="1"/>
      <c r="BL25" s="1"/>
      <c r="BM25" s="1">
        <v>0.06</v>
      </c>
      <c r="BN25" s="1">
        <v>3.5000000000000003E-2</v>
      </c>
      <c r="BO25" s="1"/>
      <c r="BP25" s="1"/>
      <c r="BQ25" s="1">
        <v>31.59</v>
      </c>
      <c r="BR25" s="1"/>
      <c r="BS25" s="1"/>
      <c r="BT25" s="1">
        <v>1</v>
      </c>
      <c r="BU25" s="1"/>
      <c r="BV25" s="1"/>
      <c r="BW25" s="1"/>
      <c r="BX25" s="1"/>
      <c r="BY25" s="1"/>
      <c r="BZ25" s="1"/>
    </row>
    <row r="26" spans="1:78" x14ac:dyDescent="0.15">
      <c r="B26" s="2">
        <v>0.35972222222222222</v>
      </c>
      <c r="C26" s="1" t="s">
        <v>478</v>
      </c>
      <c r="D26" s="1" t="s">
        <v>27</v>
      </c>
      <c r="E26" s="1" t="s">
        <v>107</v>
      </c>
      <c r="F26" s="1" t="s">
        <v>345</v>
      </c>
      <c r="G26" s="1" t="s">
        <v>48</v>
      </c>
      <c r="J26" s="1" t="s">
        <v>40</v>
      </c>
      <c r="N26" s="1" t="s">
        <v>33</v>
      </c>
      <c r="P26" s="1" t="s">
        <v>35</v>
      </c>
      <c r="Q26" s="1" t="s">
        <v>36</v>
      </c>
      <c r="S26" s="1" t="s">
        <v>114</v>
      </c>
      <c r="U26" s="1">
        <v>7.8</v>
      </c>
      <c r="V26" s="1"/>
      <c r="W26" s="1"/>
      <c r="X26" s="1">
        <v>0.3</v>
      </c>
      <c r="Y26" s="1">
        <v>2.8000000000000001E-2</v>
      </c>
      <c r="Z26" s="1">
        <v>1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25</v>
      </c>
      <c r="BC26" s="1">
        <v>0.12</v>
      </c>
      <c r="BD26" s="1">
        <v>0.17</v>
      </c>
      <c r="BE26" s="1"/>
      <c r="BF26" s="1"/>
      <c r="BG26" s="1"/>
      <c r="BH26" s="1"/>
      <c r="BI26" s="1"/>
      <c r="BJ26" s="1"/>
      <c r="BK26" s="1"/>
      <c r="BL26" s="1"/>
      <c r="BM26" s="1">
        <v>0.05</v>
      </c>
      <c r="BN26" s="1">
        <v>1.9E-2</v>
      </c>
      <c r="BO26" s="1"/>
      <c r="BP26" s="1"/>
      <c r="BQ26" s="1">
        <v>33.299999999999997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/>
      <c r="B27" s="2">
        <v>0.35972222222222222</v>
      </c>
      <c r="C27" s="1" t="s">
        <v>553</v>
      </c>
      <c r="D27" s="1"/>
      <c r="E27" s="1"/>
      <c r="F27" s="1"/>
      <c r="G27" s="1"/>
      <c r="H27" s="1"/>
      <c r="I27" s="1"/>
      <c r="J27" s="1">
        <v>4.25</v>
      </c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3576388888888889</v>
      </c>
      <c r="C28" s="1" t="s">
        <v>476</v>
      </c>
      <c r="D28" s="1" t="s">
        <v>27</v>
      </c>
      <c r="E28" s="1" t="s">
        <v>70</v>
      </c>
      <c r="F28" s="1" t="s">
        <v>352</v>
      </c>
      <c r="G28" s="1" t="s">
        <v>39</v>
      </c>
      <c r="J28" s="1" t="s">
        <v>30</v>
      </c>
      <c r="K28" s="1" t="s">
        <v>285</v>
      </c>
      <c r="M28" s="1" t="s">
        <v>96</v>
      </c>
      <c r="N28" s="1" t="s">
        <v>33</v>
      </c>
      <c r="O28" s="1" t="s">
        <v>298</v>
      </c>
      <c r="P28" s="1" t="s">
        <v>35</v>
      </c>
      <c r="Q28" s="1" t="s">
        <v>36</v>
      </c>
      <c r="S28" s="1" t="s">
        <v>201</v>
      </c>
      <c r="U28" s="1">
        <v>8.3000000000000007</v>
      </c>
      <c r="V28" s="1" t="s">
        <v>515</v>
      </c>
      <c r="W28" s="1"/>
      <c r="X28" s="1">
        <v>0.34</v>
      </c>
      <c r="Y28" s="1">
        <v>2.5000000000000001E-2</v>
      </c>
      <c r="Z28" s="1">
        <v>4.000000000000000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25</v>
      </c>
      <c r="BC28" s="1">
        <v>0.15</v>
      </c>
      <c r="BD28" s="1">
        <v>0.2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2.1000000000000001E-2</v>
      </c>
      <c r="BO28" s="1"/>
      <c r="BP28" s="1"/>
      <c r="BQ28" s="1">
        <v>33.92</v>
      </c>
      <c r="BR28" s="1"/>
      <c r="BS28" s="1"/>
      <c r="BT28" s="1">
        <v>1.4</v>
      </c>
      <c r="BU28" s="1"/>
      <c r="BV28" s="1"/>
      <c r="BW28" s="1"/>
      <c r="BX28" s="1"/>
      <c r="BY28" s="1"/>
      <c r="BZ28" s="1"/>
    </row>
    <row r="29" spans="1:78" x14ac:dyDescent="0.15">
      <c r="B29" s="2">
        <v>0.3611111111111111</v>
      </c>
      <c r="C29" s="1" t="s">
        <v>478</v>
      </c>
      <c r="D29" s="1" t="s">
        <v>27</v>
      </c>
      <c r="E29" s="1" t="s">
        <v>70</v>
      </c>
      <c r="F29" s="1" t="s">
        <v>352</v>
      </c>
      <c r="G29" s="1" t="s">
        <v>86</v>
      </c>
      <c r="J29" s="1" t="s">
        <v>40</v>
      </c>
      <c r="N29" s="1" t="s">
        <v>33</v>
      </c>
      <c r="P29" s="1" t="s">
        <v>35</v>
      </c>
      <c r="Q29" s="1" t="s">
        <v>36</v>
      </c>
      <c r="S29" s="1" t="s">
        <v>301</v>
      </c>
      <c r="U29" s="1">
        <v>8.1</v>
      </c>
      <c r="V29" s="1"/>
      <c r="W29" s="1"/>
      <c r="X29" s="1">
        <v>0.31</v>
      </c>
      <c r="Y29" s="1">
        <v>2.5999999999999999E-2</v>
      </c>
      <c r="Z29" s="1">
        <v>5.0000000000000001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25</v>
      </c>
      <c r="BC29" s="1">
        <v>0.14000000000000001</v>
      </c>
      <c r="BD29" s="1">
        <v>0.19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2.1000000000000001E-2</v>
      </c>
      <c r="BO29" s="1"/>
      <c r="BP29" s="1"/>
      <c r="BQ29" s="1">
        <v>33.92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/>
      <c r="B30" s="2">
        <v>0.3611111111111111</v>
      </c>
      <c r="C30" s="1" t="s">
        <v>553</v>
      </c>
      <c r="D30" s="1"/>
      <c r="E30" s="1"/>
      <c r="F30" s="1"/>
      <c r="G30" s="1"/>
      <c r="H30" s="1"/>
      <c r="I30" s="1"/>
      <c r="J30" s="1">
        <v>4.25</v>
      </c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611111111111111</v>
      </c>
      <c r="C31" s="1" t="s">
        <v>476</v>
      </c>
      <c r="D31" s="1" t="s">
        <v>51</v>
      </c>
      <c r="E31" s="1" t="s">
        <v>70</v>
      </c>
      <c r="F31" s="1" t="s">
        <v>282</v>
      </c>
      <c r="G31" s="1" t="s">
        <v>210</v>
      </c>
      <c r="J31" s="1" t="s">
        <v>30</v>
      </c>
      <c r="K31" s="1" t="s">
        <v>285</v>
      </c>
      <c r="M31" s="1" t="s">
        <v>217</v>
      </c>
      <c r="N31" s="1" t="s">
        <v>33</v>
      </c>
      <c r="O31" s="1" t="s">
        <v>298</v>
      </c>
      <c r="P31" s="1" t="s">
        <v>35</v>
      </c>
      <c r="Q31" s="1" t="s">
        <v>36</v>
      </c>
      <c r="S31" s="1" t="s">
        <v>201</v>
      </c>
      <c r="U31" s="1">
        <v>8.6</v>
      </c>
      <c r="V31" s="3">
        <v>11</v>
      </c>
      <c r="W31" s="1" t="s">
        <v>508</v>
      </c>
      <c r="X31" s="1">
        <v>0.31</v>
      </c>
      <c r="Y31" s="1">
        <v>3.2000000000000001E-2</v>
      </c>
      <c r="Z31" s="1">
        <v>1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25</v>
      </c>
      <c r="BC31" s="1">
        <v>0.16</v>
      </c>
      <c r="BD31" s="1">
        <v>0.21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2.3E-2</v>
      </c>
      <c r="BO31" s="1"/>
      <c r="BP31" s="1"/>
      <c r="BQ31" s="1">
        <v>33.450000000000003</v>
      </c>
      <c r="BR31" s="1" t="s">
        <v>531</v>
      </c>
      <c r="BS31" s="1"/>
      <c r="BT31" s="1">
        <v>1.1000000000000001</v>
      </c>
      <c r="BU31" s="1"/>
      <c r="BV31" s="1"/>
      <c r="BW31" s="1"/>
      <c r="BX31" s="1"/>
      <c r="BY31" s="1"/>
      <c r="BZ31" s="1"/>
    </row>
    <row r="32" spans="1:78" x14ac:dyDescent="0.15">
      <c r="B32" s="2">
        <v>0.36458333333333331</v>
      </c>
      <c r="C32" s="1" t="s">
        <v>478</v>
      </c>
      <c r="D32" s="1" t="s">
        <v>51</v>
      </c>
      <c r="E32" s="1" t="s">
        <v>70</v>
      </c>
      <c r="F32" s="1" t="s">
        <v>282</v>
      </c>
      <c r="G32" s="1" t="s">
        <v>203</v>
      </c>
      <c r="J32" s="1" t="s">
        <v>40</v>
      </c>
      <c r="N32" s="1" t="s">
        <v>33</v>
      </c>
      <c r="P32" s="1" t="s">
        <v>35</v>
      </c>
      <c r="Q32" s="1" t="s">
        <v>36</v>
      </c>
      <c r="S32" s="1" t="s">
        <v>286</v>
      </c>
      <c r="U32" s="1">
        <v>8.3000000000000007</v>
      </c>
      <c r="V32" s="1"/>
      <c r="W32" s="1"/>
      <c r="X32" s="1">
        <v>0.25</v>
      </c>
      <c r="Y32" s="1">
        <v>2.3E-2</v>
      </c>
      <c r="Z32" s="1">
        <v>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25</v>
      </c>
      <c r="BC32" s="1">
        <v>0.11</v>
      </c>
      <c r="BD32" s="1">
        <v>0.16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7999999999999999E-2</v>
      </c>
      <c r="BO32" s="1"/>
      <c r="BP32" s="1"/>
      <c r="BQ32" s="1">
        <v>34.01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6458333333333331</v>
      </c>
      <c r="C33" s="1" t="s">
        <v>553</v>
      </c>
      <c r="D33" s="1" t="s">
        <v>51</v>
      </c>
      <c r="E33" s="1" t="s">
        <v>70</v>
      </c>
      <c r="J33" s="1" t="s">
        <v>363</v>
      </c>
      <c r="N33" s="1" t="s">
        <v>33</v>
      </c>
      <c r="U33" s="1"/>
      <c r="V33" s="1"/>
      <c r="W33" s="1"/>
      <c r="X33" s="1"/>
      <c r="Y33" s="1"/>
      <c r="Z33" s="1"/>
      <c r="AC33" s="1" t="s">
        <v>509</v>
      </c>
      <c r="AD33" s="1" t="s">
        <v>516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7</v>
      </c>
      <c r="AL33" s="1" t="s">
        <v>517</v>
      </c>
      <c r="AM33" s="1" t="s">
        <v>517</v>
      </c>
      <c r="AN33" s="1" t="s">
        <v>517</v>
      </c>
      <c r="AO33" s="1" t="s">
        <v>517</v>
      </c>
      <c r="AP33" t="s">
        <v>517</v>
      </c>
      <c r="AQ33" s="1" t="s">
        <v>517</v>
      </c>
      <c r="AR33" s="1" t="s">
        <v>517</v>
      </c>
      <c r="AS33" s="1" t="s">
        <v>517</v>
      </c>
      <c r="AT33" s="1" t="s">
        <v>527</v>
      </c>
      <c r="AU33" s="1"/>
      <c r="AV33" s="1"/>
      <c r="AW33" s="1"/>
      <c r="AX33" s="1" t="s">
        <v>517</v>
      </c>
      <c r="AY33" s="1" t="s">
        <v>523</v>
      </c>
      <c r="AZ33" s="1"/>
      <c r="BA33" s="1"/>
      <c r="BB33" s="1"/>
      <c r="BC33" s="1"/>
      <c r="BD33" s="1"/>
      <c r="BF33" s="1" t="s">
        <v>511</v>
      </c>
      <c r="BG33" s="1" t="s">
        <v>510</v>
      </c>
      <c r="BH33" s="1" t="s">
        <v>512</v>
      </c>
      <c r="BI33" s="1" t="s">
        <v>510</v>
      </c>
      <c r="BJ33" s="1"/>
      <c r="BK33" s="1"/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4722222222222227</v>
      </c>
      <c r="C34" s="1" t="s">
        <v>476</v>
      </c>
      <c r="D34" s="1" t="s">
        <v>43</v>
      </c>
      <c r="E34" s="1" t="s">
        <v>477</v>
      </c>
      <c r="F34" s="1" t="s">
        <v>173</v>
      </c>
      <c r="G34" s="1" t="s">
        <v>280</v>
      </c>
      <c r="J34" s="1" t="s">
        <v>30</v>
      </c>
      <c r="K34" s="1" t="s">
        <v>285</v>
      </c>
      <c r="M34" s="1" t="s">
        <v>40</v>
      </c>
      <c r="N34" s="1" t="s">
        <v>33</v>
      </c>
      <c r="O34" s="1" t="s">
        <v>208</v>
      </c>
      <c r="P34" s="1" t="s">
        <v>35</v>
      </c>
      <c r="Q34" s="1" t="s">
        <v>36</v>
      </c>
      <c r="S34" s="1" t="s">
        <v>201</v>
      </c>
      <c r="U34" s="1">
        <v>9.6</v>
      </c>
      <c r="V34" s="3">
        <v>79</v>
      </c>
      <c r="W34" s="1"/>
      <c r="X34" s="1">
        <v>0.47</v>
      </c>
      <c r="Y34" s="1">
        <v>2.9000000000000001E-2</v>
      </c>
      <c r="Z34" s="1">
        <v>2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25</v>
      </c>
      <c r="BC34" s="1">
        <v>0.27</v>
      </c>
      <c r="BD34" s="1">
        <v>0.32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2.4E-2</v>
      </c>
      <c r="BO34" s="1"/>
      <c r="BP34" s="1"/>
      <c r="BQ34" s="1">
        <v>32.270000000000003</v>
      </c>
      <c r="BR34" s="1"/>
      <c r="BS34" s="1"/>
      <c r="BT34" s="1">
        <v>1.8</v>
      </c>
      <c r="BU34" s="1"/>
      <c r="BV34" s="1"/>
      <c r="BW34" s="1"/>
      <c r="BX34" s="1"/>
      <c r="BY34" s="1"/>
      <c r="BZ34" s="1"/>
    </row>
    <row r="35" spans="1:78" x14ac:dyDescent="0.15">
      <c r="B35" s="2">
        <v>0.35069444444444442</v>
      </c>
      <c r="C35" s="1" t="s">
        <v>478</v>
      </c>
      <c r="D35" s="1" t="s">
        <v>43</v>
      </c>
      <c r="E35" s="1" t="s">
        <v>477</v>
      </c>
      <c r="F35" s="1" t="s">
        <v>173</v>
      </c>
      <c r="G35" s="1" t="s">
        <v>117</v>
      </c>
      <c r="J35" s="1" t="s">
        <v>40</v>
      </c>
      <c r="N35" s="1" t="s">
        <v>33</v>
      </c>
      <c r="P35" s="1" t="s">
        <v>35</v>
      </c>
      <c r="Q35" s="1" t="s">
        <v>84</v>
      </c>
      <c r="S35" s="1" t="s">
        <v>156</v>
      </c>
      <c r="U35" s="1">
        <v>9.3000000000000007</v>
      </c>
      <c r="V35" s="1"/>
      <c r="W35" s="1"/>
      <c r="X35" s="1">
        <v>0.35</v>
      </c>
      <c r="Y35" s="1">
        <v>2.3E-2</v>
      </c>
      <c r="Z35" s="1">
        <v>1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25</v>
      </c>
      <c r="BC35" s="1">
        <v>0.21</v>
      </c>
      <c r="BD35" s="1">
        <v>0.26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1.4999999999999999E-2</v>
      </c>
      <c r="BO35" s="1"/>
      <c r="BP35" s="1"/>
      <c r="BQ35" s="1">
        <v>33.22999999999999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5069444444444442</v>
      </c>
      <c r="C36" s="1" t="s">
        <v>553</v>
      </c>
      <c r="D36" s="1" t="s">
        <v>43</v>
      </c>
      <c r="E36" s="1" t="s">
        <v>477</v>
      </c>
      <c r="J36" s="1" t="s">
        <v>363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 t="s">
        <v>526</v>
      </c>
      <c r="AV36" s="1" t="s">
        <v>509</v>
      </c>
      <c r="AW36" s="1" t="s">
        <v>523</v>
      </c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 t="s">
        <v>526</v>
      </c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</sheetData>
  <phoneticPr fontId="18"/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53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98</v>
      </c>
      <c r="E1" s="1" t="s">
        <v>2</v>
      </c>
      <c r="F1" s="1" t="s">
        <v>499</v>
      </c>
      <c r="G1" s="1" t="s">
        <v>3</v>
      </c>
      <c r="H1" s="1" t="s">
        <v>50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5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8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368</v>
      </c>
      <c r="B4" s="2">
        <v>0.42708333333333331</v>
      </c>
      <c r="C4" s="1" t="s">
        <v>476</v>
      </c>
      <c r="D4" s="1" t="s">
        <v>27</v>
      </c>
      <c r="E4" s="1" t="s">
        <v>369</v>
      </c>
      <c r="F4" s="1" t="s">
        <v>354</v>
      </c>
      <c r="G4" s="1" t="s">
        <v>147</v>
      </c>
      <c r="J4" s="1" t="s">
        <v>30</v>
      </c>
      <c r="K4" s="1" t="s">
        <v>370</v>
      </c>
      <c r="M4" s="1" t="s">
        <v>263</v>
      </c>
      <c r="N4" s="1" t="s">
        <v>33</v>
      </c>
      <c r="O4" s="1" t="s">
        <v>92</v>
      </c>
      <c r="P4" s="1" t="s">
        <v>35</v>
      </c>
      <c r="Q4" s="1" t="s">
        <v>84</v>
      </c>
      <c r="S4" s="1" t="s">
        <v>57</v>
      </c>
      <c r="U4" s="1">
        <v>8.3000000000000007</v>
      </c>
      <c r="V4" s="1"/>
      <c r="W4" s="1"/>
      <c r="X4" s="1">
        <v>0.56000000000000005</v>
      </c>
      <c r="Y4" s="1">
        <v>3.4000000000000002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0.35</v>
      </c>
      <c r="BD4" s="1">
        <v>0.4</v>
      </c>
      <c r="BE4" s="1"/>
      <c r="BF4" s="1"/>
      <c r="BG4" s="1"/>
      <c r="BH4" s="1"/>
      <c r="BI4" s="1"/>
      <c r="BJ4" s="1"/>
      <c r="BK4" s="1"/>
      <c r="BL4" s="1"/>
      <c r="BM4" s="1">
        <v>0.08</v>
      </c>
      <c r="BN4" s="1">
        <v>2.1000000000000001E-2</v>
      </c>
      <c r="BO4" s="1"/>
      <c r="BP4" s="1"/>
      <c r="BQ4" s="1">
        <v>30.61</v>
      </c>
      <c r="BR4" s="1"/>
      <c r="BS4" s="1"/>
      <c r="BT4" s="1">
        <v>0.7</v>
      </c>
      <c r="BU4" s="1"/>
      <c r="BV4" s="1"/>
      <c r="BW4" s="1"/>
      <c r="BX4" s="1"/>
      <c r="BY4" s="1"/>
      <c r="BZ4" s="1"/>
    </row>
    <row r="5" spans="1:78" x14ac:dyDescent="0.15">
      <c r="B5" s="2">
        <v>0.42708333333333331</v>
      </c>
      <c r="C5" s="1" t="s">
        <v>478</v>
      </c>
      <c r="D5" s="1" t="s">
        <v>27</v>
      </c>
      <c r="E5" s="1" t="s">
        <v>369</v>
      </c>
      <c r="G5" s="1" t="s">
        <v>235</v>
      </c>
      <c r="J5" s="1" t="s">
        <v>59</v>
      </c>
      <c r="N5" s="1" t="s">
        <v>33</v>
      </c>
      <c r="P5" s="1" t="s">
        <v>35</v>
      </c>
      <c r="Q5" s="1" t="s">
        <v>36</v>
      </c>
      <c r="S5" s="1" t="s">
        <v>301</v>
      </c>
      <c r="U5" s="1">
        <v>7.3</v>
      </c>
      <c r="V5" s="1"/>
      <c r="W5" s="1"/>
      <c r="X5" s="1">
        <v>0.25</v>
      </c>
      <c r="Y5" s="1">
        <v>3.2000000000000001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1</v>
      </c>
      <c r="BC5" s="1">
        <v>0.12</v>
      </c>
      <c r="BD5" s="1">
        <v>0.17</v>
      </c>
      <c r="BE5" s="1"/>
      <c r="BF5" s="1"/>
      <c r="BG5" s="1"/>
      <c r="BH5" s="1"/>
      <c r="BI5" s="1"/>
      <c r="BJ5" s="1"/>
      <c r="BK5" s="1"/>
      <c r="BL5" s="1"/>
      <c r="BM5" s="1">
        <v>0.04</v>
      </c>
      <c r="BN5" s="1">
        <v>1.6E-2</v>
      </c>
      <c r="BO5" s="1"/>
      <c r="BP5" s="1"/>
      <c r="BQ5" s="1">
        <v>33.85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71</v>
      </c>
      <c r="B6" s="2">
        <v>0.45763888888888887</v>
      </c>
      <c r="C6" s="1" t="s">
        <v>476</v>
      </c>
      <c r="D6" s="1" t="s">
        <v>27</v>
      </c>
      <c r="E6" s="1" t="s">
        <v>70</v>
      </c>
      <c r="F6" s="1" t="s">
        <v>193</v>
      </c>
      <c r="G6" s="1" t="s">
        <v>200</v>
      </c>
      <c r="J6" s="1" t="s">
        <v>30</v>
      </c>
      <c r="K6" s="1" t="s">
        <v>372</v>
      </c>
      <c r="M6" s="1" t="s">
        <v>57</v>
      </c>
      <c r="N6" s="1" t="s">
        <v>74</v>
      </c>
      <c r="O6" s="1" t="s">
        <v>221</v>
      </c>
      <c r="P6" s="1" t="s">
        <v>35</v>
      </c>
      <c r="Q6" s="1" t="s">
        <v>76</v>
      </c>
      <c r="S6" s="1" t="s">
        <v>179</v>
      </c>
      <c r="U6" s="1">
        <v>14.2</v>
      </c>
      <c r="V6" s="1" t="s">
        <v>515</v>
      </c>
      <c r="W6" s="1"/>
      <c r="X6" s="1">
        <v>0.4</v>
      </c>
      <c r="Y6" s="1">
        <v>3.4000000000000002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0</v>
      </c>
      <c r="BC6" s="1" t="s">
        <v>512</v>
      </c>
      <c r="BD6" s="1" t="s">
        <v>522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1E-3</v>
      </c>
      <c r="BO6" s="1"/>
      <c r="BP6" s="1"/>
      <c r="BQ6" s="1">
        <v>29.31</v>
      </c>
      <c r="BR6" s="1"/>
      <c r="BS6" s="1"/>
      <c r="BT6" s="1">
        <v>18</v>
      </c>
      <c r="BU6" s="1"/>
      <c r="BV6" s="1"/>
      <c r="BW6" s="1"/>
      <c r="BX6" s="1"/>
      <c r="BY6" s="1"/>
      <c r="BZ6" s="1"/>
    </row>
    <row r="7" spans="1:78" x14ac:dyDescent="0.15">
      <c r="B7" s="2">
        <v>0.45763888888888887</v>
      </c>
      <c r="C7" s="1" t="s">
        <v>478</v>
      </c>
      <c r="D7" s="1" t="s">
        <v>27</v>
      </c>
      <c r="E7" s="1" t="s">
        <v>70</v>
      </c>
      <c r="G7" s="1" t="s">
        <v>143</v>
      </c>
      <c r="J7" s="1" t="s">
        <v>373</v>
      </c>
      <c r="N7" s="1" t="s">
        <v>74</v>
      </c>
      <c r="P7" s="1" t="s">
        <v>35</v>
      </c>
      <c r="Q7" s="1" t="s">
        <v>36</v>
      </c>
      <c r="S7" s="1" t="s">
        <v>311</v>
      </c>
      <c r="U7" s="1">
        <v>6.6</v>
      </c>
      <c r="V7" s="1"/>
      <c r="W7" s="1"/>
      <c r="X7" s="1">
        <v>0.18</v>
      </c>
      <c r="Y7" s="1">
        <v>1.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7.0000000000000007E-2</v>
      </c>
      <c r="BD7" s="1">
        <v>0.12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0.01</v>
      </c>
      <c r="BO7" s="1"/>
      <c r="BP7" s="1"/>
      <c r="BQ7" s="1">
        <v>34.07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42430555555555555</v>
      </c>
      <c r="C8" s="1" t="s">
        <v>476</v>
      </c>
      <c r="D8" s="1" t="s">
        <v>51</v>
      </c>
      <c r="E8" s="1" t="s">
        <v>477</v>
      </c>
      <c r="F8" s="1" t="s">
        <v>165</v>
      </c>
      <c r="G8" s="1" t="s">
        <v>161</v>
      </c>
      <c r="J8" s="1" t="s">
        <v>30</v>
      </c>
      <c r="K8" s="1" t="s">
        <v>374</v>
      </c>
      <c r="M8" s="1" t="s">
        <v>180</v>
      </c>
      <c r="N8" s="1" t="s">
        <v>74</v>
      </c>
      <c r="O8" s="1" t="s">
        <v>221</v>
      </c>
      <c r="P8" s="1" t="s">
        <v>35</v>
      </c>
      <c r="Q8" s="1" t="s">
        <v>174</v>
      </c>
      <c r="S8" s="1" t="s">
        <v>37</v>
      </c>
      <c r="U8" s="1">
        <v>12.5</v>
      </c>
      <c r="V8" s="1"/>
      <c r="W8" s="1"/>
      <c r="X8" s="1">
        <v>0.35</v>
      </c>
      <c r="Y8" s="1">
        <v>2.9000000000000001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0</v>
      </c>
      <c r="BC8" s="1" t="s">
        <v>51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>
        <v>1E-3</v>
      </c>
      <c r="BO8" s="1"/>
      <c r="BP8" s="1"/>
      <c r="BQ8" s="1">
        <v>29.76</v>
      </c>
      <c r="BR8" s="1"/>
      <c r="BS8" s="1"/>
      <c r="BT8" s="1">
        <v>17</v>
      </c>
      <c r="BU8" s="1"/>
      <c r="BV8" s="1"/>
      <c r="BW8" s="1"/>
      <c r="BX8" s="1"/>
      <c r="BY8" s="1"/>
      <c r="BZ8" s="1"/>
    </row>
    <row r="9" spans="1:78" x14ac:dyDescent="0.15">
      <c r="B9" s="2">
        <v>0.42430555555555555</v>
      </c>
      <c r="C9" s="1" t="s">
        <v>478</v>
      </c>
      <c r="D9" s="1" t="s">
        <v>51</v>
      </c>
      <c r="E9" s="1" t="s">
        <v>477</v>
      </c>
      <c r="G9" s="1" t="s">
        <v>48</v>
      </c>
      <c r="J9" s="1" t="s">
        <v>375</v>
      </c>
      <c r="N9" s="1" t="s">
        <v>74</v>
      </c>
      <c r="P9" s="1" t="s">
        <v>35</v>
      </c>
      <c r="Q9" s="1" t="s">
        <v>36</v>
      </c>
      <c r="S9" s="1" t="s">
        <v>62</v>
      </c>
      <c r="U9" s="1">
        <v>6.5</v>
      </c>
      <c r="V9" s="1"/>
      <c r="W9" s="1"/>
      <c r="X9" s="1">
        <v>0.21</v>
      </c>
      <c r="Y9" s="1">
        <v>2.8000000000000001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7.0000000000000007E-2</v>
      </c>
      <c r="BD9" s="1">
        <v>0.12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1.9E-2</v>
      </c>
      <c r="BO9" s="1"/>
      <c r="BP9" s="1"/>
      <c r="BQ9" s="1">
        <v>34.14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381944444444445</v>
      </c>
      <c r="C10" s="1" t="s">
        <v>476</v>
      </c>
      <c r="D10" s="1" t="s">
        <v>27</v>
      </c>
      <c r="E10" s="1" t="s">
        <v>477</v>
      </c>
      <c r="F10" s="1" t="s">
        <v>344</v>
      </c>
      <c r="G10" s="1" t="s">
        <v>83</v>
      </c>
      <c r="J10" s="1" t="s">
        <v>30</v>
      </c>
      <c r="K10" s="1" t="s">
        <v>372</v>
      </c>
      <c r="M10" s="1" t="s">
        <v>91</v>
      </c>
      <c r="N10" s="1" t="s">
        <v>74</v>
      </c>
      <c r="O10" s="1" t="s">
        <v>221</v>
      </c>
      <c r="P10" s="1" t="s">
        <v>35</v>
      </c>
      <c r="Q10" s="1" t="s">
        <v>55</v>
      </c>
      <c r="S10" s="1" t="s">
        <v>141</v>
      </c>
      <c r="U10" s="1">
        <v>10.6</v>
      </c>
      <c r="V10" s="1"/>
      <c r="W10" s="1"/>
      <c r="X10" s="1">
        <v>0.3</v>
      </c>
      <c r="Y10" s="1">
        <v>2.8000000000000001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2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3.0000000000000001E-3</v>
      </c>
      <c r="BO10" s="1"/>
      <c r="BP10" s="1"/>
      <c r="BQ10" s="1">
        <v>30.51</v>
      </c>
      <c r="BR10" s="1"/>
      <c r="BS10" s="1"/>
      <c r="BT10" s="1">
        <v>10</v>
      </c>
      <c r="BU10" s="1"/>
      <c r="BV10" s="1"/>
      <c r="BW10" s="1"/>
      <c r="BX10" s="1"/>
      <c r="BY10" s="1"/>
      <c r="BZ10" s="1"/>
    </row>
    <row r="11" spans="1:78" x14ac:dyDescent="0.15">
      <c r="B11" s="2">
        <v>0.4381944444444445</v>
      </c>
      <c r="C11" s="1" t="s">
        <v>478</v>
      </c>
      <c r="D11" s="1" t="s">
        <v>27</v>
      </c>
      <c r="E11" s="1" t="s">
        <v>477</v>
      </c>
      <c r="G11" s="1" t="s">
        <v>337</v>
      </c>
      <c r="J11" s="1" t="s">
        <v>373</v>
      </c>
      <c r="N11" s="1" t="s">
        <v>74</v>
      </c>
      <c r="P11" s="1" t="s">
        <v>35</v>
      </c>
      <c r="Q11" s="1" t="s">
        <v>40</v>
      </c>
      <c r="S11" s="1" t="s">
        <v>311</v>
      </c>
      <c r="U11" s="1">
        <v>6</v>
      </c>
      <c r="V11" s="1"/>
      <c r="W11" s="1"/>
      <c r="X11" s="1">
        <v>0.2</v>
      </c>
      <c r="Y11" s="1">
        <v>0.03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09</v>
      </c>
      <c r="BD11" s="1">
        <v>0.14000000000000001</v>
      </c>
      <c r="BE11" s="1"/>
      <c r="BF11" s="1"/>
      <c r="BG11" s="1"/>
      <c r="BH11" s="1"/>
      <c r="BI11" s="1"/>
      <c r="BJ11" s="1"/>
      <c r="BK11" s="1"/>
      <c r="BL11" s="1"/>
      <c r="BM11" s="1" t="s">
        <v>533</v>
      </c>
      <c r="BN11" s="1">
        <v>2.4E-2</v>
      </c>
      <c r="BO11" s="1"/>
      <c r="BP11" s="1"/>
      <c r="BQ11" s="1">
        <v>34.1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381944444444445</v>
      </c>
      <c r="C12" s="1" t="s">
        <v>553</v>
      </c>
      <c r="D12" s="1" t="s">
        <v>27</v>
      </c>
      <c r="E12" s="1" t="s">
        <v>477</v>
      </c>
      <c r="J12" s="1" t="s">
        <v>304</v>
      </c>
      <c r="N12" s="1" t="s">
        <v>7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3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4993055555555555</v>
      </c>
      <c r="C13" s="1" t="s">
        <v>476</v>
      </c>
      <c r="D13" s="1" t="s">
        <v>27</v>
      </c>
      <c r="E13" s="1" t="s">
        <v>70</v>
      </c>
      <c r="F13" s="1" t="s">
        <v>331</v>
      </c>
      <c r="G13" s="1" t="s">
        <v>158</v>
      </c>
      <c r="J13" s="1" t="s">
        <v>30</v>
      </c>
      <c r="K13" s="1" t="s">
        <v>370</v>
      </c>
      <c r="M13" s="1" t="s">
        <v>126</v>
      </c>
      <c r="N13" s="1" t="s">
        <v>74</v>
      </c>
      <c r="O13" s="1" t="s">
        <v>221</v>
      </c>
      <c r="P13" s="1" t="s">
        <v>35</v>
      </c>
      <c r="Q13" s="1" t="s">
        <v>55</v>
      </c>
      <c r="S13" s="1" t="s">
        <v>37</v>
      </c>
      <c r="U13" s="1">
        <v>9.1</v>
      </c>
      <c r="V13" s="1" t="s">
        <v>515</v>
      </c>
      <c r="W13" s="1" t="s">
        <v>508</v>
      </c>
      <c r="X13" s="1">
        <v>0.39</v>
      </c>
      <c r="Y13" s="1">
        <v>3.7999999999999999E-2</v>
      </c>
      <c r="Z13" s="1">
        <v>6.9999999999999999E-4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6.0000000000000001E-3</v>
      </c>
      <c r="BO13" s="1"/>
      <c r="BP13" s="1"/>
      <c r="BQ13" s="1">
        <v>30.59</v>
      </c>
      <c r="BR13" s="1"/>
      <c r="BS13" s="1"/>
      <c r="BT13" s="1">
        <v>6.2</v>
      </c>
      <c r="BU13" s="1"/>
      <c r="BV13" s="1"/>
      <c r="BW13" s="1"/>
      <c r="BX13" s="1"/>
      <c r="BY13" s="1"/>
      <c r="BZ13" s="1"/>
    </row>
    <row r="14" spans="1:78" x14ac:dyDescent="0.15">
      <c r="B14" s="2">
        <v>0.4993055555555555</v>
      </c>
      <c r="C14" s="1" t="s">
        <v>478</v>
      </c>
      <c r="D14" s="1" t="s">
        <v>27</v>
      </c>
      <c r="E14" s="1" t="s">
        <v>70</v>
      </c>
      <c r="G14" s="1" t="s">
        <v>354</v>
      </c>
      <c r="J14" s="1" t="s">
        <v>59</v>
      </c>
      <c r="N14" s="1" t="s">
        <v>74</v>
      </c>
      <c r="P14" s="1" t="s">
        <v>35</v>
      </c>
      <c r="Q14" s="1" t="s">
        <v>40</v>
      </c>
      <c r="S14" s="1" t="s">
        <v>114</v>
      </c>
      <c r="U14" s="1">
        <v>5.5</v>
      </c>
      <c r="V14" s="1"/>
      <c r="W14" s="1"/>
      <c r="X14" s="1">
        <v>0.22</v>
      </c>
      <c r="Y14" s="1">
        <v>2.7E-2</v>
      </c>
      <c r="Z14" s="1" t="s">
        <v>51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1</v>
      </c>
      <c r="BD14" s="1">
        <v>0.15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2.5999999999999999E-2</v>
      </c>
      <c r="BO14" s="1"/>
      <c r="BP14" s="1"/>
      <c r="BQ14" s="1">
        <v>34.020000000000003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993055555555555</v>
      </c>
      <c r="C15" s="1" t="s">
        <v>553</v>
      </c>
      <c r="D15" s="1" t="s">
        <v>27</v>
      </c>
      <c r="E15" s="1" t="s">
        <v>70</v>
      </c>
      <c r="J15" s="1" t="s">
        <v>304</v>
      </c>
      <c r="N15" s="1" t="s">
        <v>7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376</v>
      </c>
      <c r="B16" s="2">
        <v>0.43333333333333335</v>
      </c>
      <c r="C16" s="1" t="s">
        <v>476</v>
      </c>
      <c r="D16" s="1" t="s">
        <v>43</v>
      </c>
      <c r="E16" s="1" t="s">
        <v>477</v>
      </c>
      <c r="F16" s="1" t="s">
        <v>258</v>
      </c>
      <c r="G16" s="1" t="s">
        <v>197</v>
      </c>
      <c r="J16" s="1" t="s">
        <v>30</v>
      </c>
      <c r="K16" s="1" t="s">
        <v>377</v>
      </c>
      <c r="M16" s="1" t="s">
        <v>169</v>
      </c>
      <c r="N16" s="1" t="s">
        <v>33</v>
      </c>
      <c r="O16" s="1" t="s">
        <v>34</v>
      </c>
      <c r="P16" s="1" t="s">
        <v>35</v>
      </c>
      <c r="Q16" s="1" t="s">
        <v>63</v>
      </c>
      <c r="S16" s="1" t="s">
        <v>131</v>
      </c>
      <c r="U16" s="1">
        <v>7.4</v>
      </c>
      <c r="V16" s="1"/>
      <c r="W16" s="1"/>
      <c r="X16" s="1">
        <v>0.62</v>
      </c>
      <c r="Y16" s="1">
        <v>7.2999999999999995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0.25</v>
      </c>
      <c r="BD16" s="1">
        <v>0.3</v>
      </c>
      <c r="BE16" s="1"/>
      <c r="BF16" s="1"/>
      <c r="BG16" s="1"/>
      <c r="BH16" s="1"/>
      <c r="BI16" s="1"/>
      <c r="BJ16" s="1"/>
      <c r="BK16" s="1"/>
      <c r="BL16" s="1"/>
      <c r="BM16" s="1">
        <v>0.06</v>
      </c>
      <c r="BN16" s="1">
        <v>3.1E-2</v>
      </c>
      <c r="BO16" s="1"/>
      <c r="BP16" s="1"/>
      <c r="BQ16" s="1">
        <v>27.15</v>
      </c>
      <c r="BR16" s="1"/>
      <c r="BS16" s="1"/>
      <c r="BT16" s="1">
        <v>10</v>
      </c>
      <c r="BU16" s="1"/>
      <c r="BV16" s="1"/>
      <c r="BW16" s="1"/>
      <c r="BX16" s="1"/>
      <c r="BY16" s="1"/>
      <c r="BZ16" s="1"/>
    </row>
    <row r="17" spans="1:78" x14ac:dyDescent="0.15">
      <c r="B17" s="2">
        <v>0.43333333333333335</v>
      </c>
      <c r="C17" s="1" t="s">
        <v>478</v>
      </c>
      <c r="D17" s="1" t="s">
        <v>43</v>
      </c>
      <c r="E17" s="1" t="s">
        <v>477</v>
      </c>
      <c r="G17" s="1" t="s">
        <v>88</v>
      </c>
      <c r="J17" s="1" t="s">
        <v>188</v>
      </c>
      <c r="N17" s="1" t="s">
        <v>33</v>
      </c>
      <c r="P17" s="1" t="s">
        <v>35</v>
      </c>
      <c r="Q17" s="1" t="s">
        <v>36</v>
      </c>
      <c r="S17" s="1" t="s">
        <v>62</v>
      </c>
      <c r="U17" s="1">
        <v>6</v>
      </c>
      <c r="V17" s="1"/>
      <c r="W17" s="1"/>
      <c r="X17" s="1">
        <v>0.17</v>
      </c>
      <c r="Y17" s="1">
        <v>3.1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7.0000000000000007E-2</v>
      </c>
      <c r="BD17" s="1">
        <v>0.12</v>
      </c>
      <c r="BE17" s="1"/>
      <c r="BF17" s="1"/>
      <c r="BG17" s="1"/>
      <c r="BH17" s="1"/>
      <c r="BI17" s="1"/>
      <c r="BJ17" s="1"/>
      <c r="BK17" s="1"/>
      <c r="BL17" s="1"/>
      <c r="BM17" s="1" t="s">
        <v>533</v>
      </c>
      <c r="BN17" s="1">
        <v>1.7999999999999999E-2</v>
      </c>
      <c r="BO17" s="1"/>
      <c r="BP17" s="1"/>
      <c r="BQ17" s="1">
        <v>33.619999999999997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3333333333333335</v>
      </c>
      <c r="C18" s="1" t="s">
        <v>553</v>
      </c>
      <c r="D18" s="1" t="s">
        <v>43</v>
      </c>
      <c r="E18" s="1" t="s">
        <v>477</v>
      </c>
      <c r="J18" s="1" t="s">
        <v>235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5069444444444445</v>
      </c>
      <c r="C19" s="1" t="s">
        <v>476</v>
      </c>
      <c r="D19" s="1" t="s">
        <v>43</v>
      </c>
      <c r="E19" s="1" t="s">
        <v>70</v>
      </c>
      <c r="F19" s="1" t="s">
        <v>94</v>
      </c>
      <c r="G19" s="1" t="s">
        <v>65</v>
      </c>
      <c r="J19" s="1" t="s">
        <v>30</v>
      </c>
      <c r="K19" s="1" t="s">
        <v>374</v>
      </c>
      <c r="M19" s="1" t="s">
        <v>301</v>
      </c>
      <c r="N19" s="1" t="s">
        <v>378</v>
      </c>
      <c r="O19" s="1" t="s">
        <v>379</v>
      </c>
      <c r="P19" s="1" t="s">
        <v>35</v>
      </c>
      <c r="Q19" s="1" t="s">
        <v>93</v>
      </c>
      <c r="S19" s="1" t="s">
        <v>49</v>
      </c>
      <c r="U19" s="1">
        <v>7.9</v>
      </c>
      <c r="V19" s="1"/>
      <c r="W19" s="1"/>
      <c r="X19" s="1">
        <v>1.3</v>
      </c>
      <c r="Y19" s="1">
        <v>0.1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3</v>
      </c>
      <c r="BC19" s="1">
        <v>0.93</v>
      </c>
      <c r="BD19" s="1">
        <v>0.98</v>
      </c>
      <c r="BE19" s="1"/>
      <c r="BF19" s="1"/>
      <c r="BG19" s="1"/>
      <c r="BH19" s="1"/>
      <c r="BI19" s="1"/>
      <c r="BJ19" s="1"/>
      <c r="BK19" s="1"/>
      <c r="BL19" s="1"/>
      <c r="BM19" s="1">
        <v>0.12</v>
      </c>
      <c r="BN19" s="1">
        <v>8.8999999999999996E-2</v>
      </c>
      <c r="BO19" s="1"/>
      <c r="BP19" s="1"/>
      <c r="BQ19" s="1">
        <v>16.600000000000001</v>
      </c>
      <c r="BR19" s="1" t="s">
        <v>531</v>
      </c>
      <c r="BS19" s="1"/>
      <c r="BT19" s="1">
        <v>2.8</v>
      </c>
      <c r="BU19" s="1"/>
      <c r="BV19" s="1"/>
      <c r="BW19" s="1"/>
      <c r="BX19" s="1"/>
      <c r="BY19" s="1"/>
      <c r="BZ19" s="1"/>
    </row>
    <row r="20" spans="1:78" x14ac:dyDescent="0.15">
      <c r="B20" s="2">
        <v>0.45069444444444445</v>
      </c>
      <c r="C20" s="1" t="s">
        <v>478</v>
      </c>
      <c r="D20" s="1" t="s">
        <v>43</v>
      </c>
      <c r="E20" s="1" t="s">
        <v>70</v>
      </c>
      <c r="G20" s="1" t="s">
        <v>89</v>
      </c>
      <c r="J20" s="1" t="s">
        <v>375</v>
      </c>
      <c r="N20" s="1" t="s">
        <v>378</v>
      </c>
      <c r="P20" s="1" t="s">
        <v>35</v>
      </c>
      <c r="Q20" s="1" t="s">
        <v>40</v>
      </c>
      <c r="S20" s="1" t="s">
        <v>301</v>
      </c>
      <c r="U20" s="1">
        <v>5.5</v>
      </c>
      <c r="V20" s="1"/>
      <c r="W20" s="1"/>
      <c r="X20" s="1">
        <v>0.36</v>
      </c>
      <c r="Y20" s="1">
        <v>5.7000000000000002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1</v>
      </c>
      <c r="BC20" s="1">
        <v>0.21</v>
      </c>
      <c r="BD20" s="1">
        <v>0.26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4.2999999999999997E-2</v>
      </c>
      <c r="BO20" s="1"/>
      <c r="BP20" s="1"/>
      <c r="BQ20" s="1">
        <v>33.04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5069444444444445</v>
      </c>
      <c r="C21" s="1" t="s">
        <v>553</v>
      </c>
      <c r="D21" s="1" t="s">
        <v>43</v>
      </c>
      <c r="E21" s="1" t="s">
        <v>70</v>
      </c>
      <c r="J21" s="1" t="s">
        <v>38</v>
      </c>
      <c r="N21" s="1" t="s">
        <v>378</v>
      </c>
      <c r="U21" s="1"/>
      <c r="V21" s="1"/>
      <c r="W21" s="1"/>
      <c r="X21" s="1"/>
      <c r="Y21" s="1"/>
      <c r="Z21" s="1"/>
      <c r="AA21" s="1"/>
      <c r="AB21" s="1"/>
      <c r="AC21" s="1" t="s">
        <v>509</v>
      </c>
      <c r="AD21" s="1" t="s">
        <v>510</v>
      </c>
      <c r="AE21" s="1">
        <v>1.4E-3</v>
      </c>
      <c r="AF21" s="1" t="s">
        <v>512</v>
      </c>
      <c r="AG21" s="1" t="s">
        <v>511</v>
      </c>
      <c r="AH21" s="1" t="s">
        <v>513</v>
      </c>
      <c r="AI21" s="1"/>
      <c r="AJ21" s="1" t="s">
        <v>513</v>
      </c>
      <c r="AK21" s="1" t="s">
        <v>514</v>
      </c>
      <c r="AL21" s="1" t="s">
        <v>514</v>
      </c>
      <c r="AM21" s="1" t="s">
        <v>514</v>
      </c>
      <c r="AN21" s="1" t="s">
        <v>514</v>
      </c>
      <c r="AO21" s="1" t="s">
        <v>514</v>
      </c>
      <c r="AP21" t="s">
        <v>514</v>
      </c>
      <c r="AQ21" s="1" t="s">
        <v>514</v>
      </c>
      <c r="AR21" s="1" t="s">
        <v>514</v>
      </c>
      <c r="AS21" s="1" t="s">
        <v>514</v>
      </c>
      <c r="AT21" s="1" t="s">
        <v>517</v>
      </c>
      <c r="AU21" s="1"/>
      <c r="AV21" s="1"/>
      <c r="AW21" s="1"/>
      <c r="AX21" s="1" t="s">
        <v>514</v>
      </c>
      <c r="AY21" s="1" t="s">
        <v>523</v>
      </c>
      <c r="AZ21" s="1"/>
      <c r="BA21" s="1"/>
      <c r="BB21" s="1"/>
      <c r="BC21" s="1"/>
      <c r="BD21" s="1"/>
      <c r="BE21" s="1" t="s">
        <v>511</v>
      </c>
      <c r="BF21" s="1" t="s">
        <v>511</v>
      </c>
      <c r="BG21" s="1">
        <v>1.8E-3</v>
      </c>
      <c r="BH21" s="1" t="s">
        <v>512</v>
      </c>
      <c r="BI21" s="1">
        <v>0.02</v>
      </c>
      <c r="BJ21" s="1"/>
      <c r="BK21" s="1"/>
      <c r="BL21" s="1">
        <v>1E-3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380</v>
      </c>
      <c r="B22" s="2">
        <v>0.47361111111111115</v>
      </c>
      <c r="C22" s="1" t="s">
        <v>476</v>
      </c>
      <c r="D22" s="1" t="s">
        <v>27</v>
      </c>
      <c r="E22" s="1" t="s">
        <v>477</v>
      </c>
      <c r="F22" s="1" t="s">
        <v>73</v>
      </c>
      <c r="G22" s="1" t="s">
        <v>299</v>
      </c>
      <c r="J22" s="1" t="s">
        <v>30</v>
      </c>
      <c r="K22" s="1" t="s">
        <v>381</v>
      </c>
      <c r="M22" s="1" t="s">
        <v>240</v>
      </c>
      <c r="N22" s="1" t="s">
        <v>33</v>
      </c>
      <c r="O22" s="1" t="s">
        <v>92</v>
      </c>
      <c r="P22" s="1" t="s">
        <v>35</v>
      </c>
      <c r="Q22" s="1" t="s">
        <v>36</v>
      </c>
      <c r="S22" s="1" t="s">
        <v>126</v>
      </c>
      <c r="U22" s="1">
        <v>7.9</v>
      </c>
      <c r="V22" s="1" t="s">
        <v>515</v>
      </c>
      <c r="W22" s="1"/>
      <c r="X22" s="1">
        <v>0.44</v>
      </c>
      <c r="Y22" s="1">
        <v>4.9000000000000002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2</v>
      </c>
      <c r="BC22" s="1">
        <v>0.22</v>
      </c>
      <c r="BD22" s="1">
        <v>0.27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2.9000000000000001E-2</v>
      </c>
      <c r="BO22" s="1"/>
      <c r="BP22" s="1"/>
      <c r="BQ22" s="1">
        <v>32</v>
      </c>
      <c r="BR22" s="1"/>
      <c r="BS22" s="1"/>
      <c r="BT22" s="1">
        <v>6.3</v>
      </c>
      <c r="BU22" s="1"/>
      <c r="BV22" s="1"/>
      <c r="BW22" s="1"/>
      <c r="BX22" s="1"/>
      <c r="BY22" s="1"/>
      <c r="BZ22" s="1"/>
    </row>
    <row r="23" spans="1:78" x14ac:dyDescent="0.15">
      <c r="B23" s="2">
        <v>0.47361111111111115</v>
      </c>
      <c r="C23" s="1" t="s">
        <v>478</v>
      </c>
      <c r="D23" s="1" t="s">
        <v>27</v>
      </c>
      <c r="E23" s="1" t="s">
        <v>477</v>
      </c>
      <c r="G23" s="1" t="s">
        <v>337</v>
      </c>
      <c r="J23" s="1" t="s">
        <v>382</v>
      </c>
      <c r="N23" s="1" t="s">
        <v>33</v>
      </c>
      <c r="P23" s="1" t="s">
        <v>35</v>
      </c>
      <c r="Q23" s="1" t="s">
        <v>36</v>
      </c>
      <c r="S23" s="1" t="s">
        <v>301</v>
      </c>
      <c r="U23" s="1">
        <v>6.4</v>
      </c>
      <c r="V23" s="1"/>
      <c r="W23" s="1"/>
      <c r="X23" s="1">
        <v>0.28000000000000003</v>
      </c>
      <c r="Y23" s="1">
        <v>3.5999999999999997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2</v>
      </c>
      <c r="BC23" s="1">
        <v>0.11</v>
      </c>
      <c r="BD23" s="1">
        <v>0.16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2.1999999999999999E-2</v>
      </c>
      <c r="BO23" s="1"/>
      <c r="BP23" s="1"/>
      <c r="BQ23" s="1">
        <v>33.4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7361111111111115</v>
      </c>
      <c r="C24" s="1" t="s">
        <v>553</v>
      </c>
      <c r="D24" s="1" t="s">
        <v>27</v>
      </c>
      <c r="E24" s="1" t="s">
        <v>477</v>
      </c>
      <c r="J24" s="1" t="s">
        <v>118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44513888888888892</v>
      </c>
      <c r="C25" s="1" t="s">
        <v>476</v>
      </c>
      <c r="D25" s="1" t="s">
        <v>43</v>
      </c>
      <c r="E25" s="1" t="s">
        <v>107</v>
      </c>
      <c r="F25" s="1" t="s">
        <v>304</v>
      </c>
      <c r="G25" s="1" t="s">
        <v>98</v>
      </c>
      <c r="J25" s="1" t="s">
        <v>30</v>
      </c>
      <c r="K25" s="1" t="s">
        <v>381</v>
      </c>
      <c r="M25" s="1" t="s">
        <v>246</v>
      </c>
      <c r="N25" s="1" t="s">
        <v>33</v>
      </c>
      <c r="O25" s="1" t="s">
        <v>92</v>
      </c>
      <c r="P25" s="1" t="s">
        <v>35</v>
      </c>
      <c r="Q25" s="1" t="s">
        <v>36</v>
      </c>
      <c r="S25" s="1" t="s">
        <v>156</v>
      </c>
      <c r="U25" s="1">
        <v>7.7</v>
      </c>
      <c r="V25" s="1"/>
      <c r="W25" s="1"/>
      <c r="X25" s="1">
        <v>0.35</v>
      </c>
      <c r="Y25" s="1">
        <v>2.9000000000000001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2</v>
      </c>
      <c r="BC25" s="1">
        <v>0.12</v>
      </c>
      <c r="BD25" s="1">
        <v>0.17</v>
      </c>
      <c r="BE25" s="1"/>
      <c r="BF25" s="1"/>
      <c r="BG25" s="1"/>
      <c r="BH25" s="1"/>
      <c r="BI25" s="1"/>
      <c r="BJ25" s="1"/>
      <c r="BK25" s="1"/>
      <c r="BL25" s="1"/>
      <c r="BM25" s="1" t="s">
        <v>533</v>
      </c>
      <c r="BN25" s="1">
        <v>1.9E-2</v>
      </c>
      <c r="BO25" s="1"/>
      <c r="BP25" s="1"/>
      <c r="BQ25" s="1">
        <v>32.47</v>
      </c>
      <c r="BR25" s="1"/>
      <c r="BS25" s="1"/>
      <c r="BT25" s="1">
        <v>4.2</v>
      </c>
      <c r="BU25" s="1"/>
      <c r="BV25" s="1"/>
      <c r="BW25" s="1"/>
      <c r="BX25" s="1"/>
      <c r="BY25" s="1"/>
      <c r="BZ25" s="1"/>
    </row>
    <row r="26" spans="1:78" x14ac:dyDescent="0.15">
      <c r="B26" s="2">
        <v>0.44513888888888892</v>
      </c>
      <c r="C26" s="1" t="s">
        <v>478</v>
      </c>
      <c r="D26" s="1" t="s">
        <v>43</v>
      </c>
      <c r="E26" s="1" t="s">
        <v>107</v>
      </c>
      <c r="G26" s="1" t="s">
        <v>29</v>
      </c>
      <c r="J26" s="1" t="s">
        <v>382</v>
      </c>
      <c r="N26" s="1" t="s">
        <v>33</v>
      </c>
      <c r="P26" s="1" t="s">
        <v>35</v>
      </c>
      <c r="Q26" s="1" t="s">
        <v>36</v>
      </c>
      <c r="S26" s="1" t="s">
        <v>301</v>
      </c>
      <c r="U26" s="1">
        <v>6.8</v>
      </c>
      <c r="V26" s="1"/>
      <c r="W26" s="1"/>
      <c r="X26" s="1">
        <v>0.33</v>
      </c>
      <c r="Y26" s="1">
        <v>3.4000000000000002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1</v>
      </c>
      <c r="BD26" s="1">
        <v>0.16</v>
      </c>
      <c r="BE26" s="1"/>
      <c r="BF26" s="1"/>
      <c r="BG26" s="1"/>
      <c r="BH26" s="1"/>
      <c r="BI26" s="1"/>
      <c r="BJ26" s="1"/>
      <c r="BK26" s="1"/>
      <c r="BL26" s="1"/>
      <c r="BM26" s="1">
        <v>0.04</v>
      </c>
      <c r="BN26" s="1">
        <v>2.1999999999999999E-2</v>
      </c>
      <c r="BO26" s="1"/>
      <c r="BP26" s="1"/>
      <c r="BQ26" s="1">
        <v>32.89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4513888888888892</v>
      </c>
      <c r="C27" s="1" t="s">
        <v>553</v>
      </c>
      <c r="D27" s="1" t="s">
        <v>43</v>
      </c>
      <c r="E27" s="1" t="s">
        <v>107</v>
      </c>
      <c r="J27" s="1" t="s">
        <v>118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44930555555555557</v>
      </c>
      <c r="C28" s="1" t="s">
        <v>476</v>
      </c>
      <c r="D28" s="1" t="s">
        <v>43</v>
      </c>
      <c r="E28" s="1" t="s">
        <v>70</v>
      </c>
      <c r="F28" s="1" t="s">
        <v>241</v>
      </c>
      <c r="G28" s="1" t="s">
        <v>271</v>
      </c>
      <c r="J28" s="1" t="s">
        <v>30</v>
      </c>
      <c r="K28" s="1" t="s">
        <v>365</v>
      </c>
      <c r="M28" s="1" t="s">
        <v>219</v>
      </c>
      <c r="N28" s="1" t="s">
        <v>33</v>
      </c>
      <c r="O28" s="1" t="s">
        <v>92</v>
      </c>
      <c r="P28" s="1" t="s">
        <v>35</v>
      </c>
      <c r="Q28" s="1" t="s">
        <v>36</v>
      </c>
      <c r="S28" s="1" t="s">
        <v>156</v>
      </c>
      <c r="U28" s="1">
        <v>8.8000000000000007</v>
      </c>
      <c r="V28" s="1"/>
      <c r="W28" s="1"/>
      <c r="X28" s="1">
        <v>0.5</v>
      </c>
      <c r="Y28" s="1">
        <v>4.5999999999999999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4</v>
      </c>
      <c r="BC28" s="1">
        <v>0.22</v>
      </c>
      <c r="BD28" s="1">
        <v>0.27</v>
      </c>
      <c r="BF28" s="1"/>
      <c r="BG28" s="1"/>
      <c r="BH28" s="1"/>
      <c r="BI28" s="1"/>
      <c r="BJ28" s="1"/>
      <c r="BK28" s="1"/>
      <c r="BL28" s="1"/>
      <c r="BM28" s="1">
        <v>0.04</v>
      </c>
      <c r="BN28" s="1">
        <v>2.4E-2</v>
      </c>
      <c r="BO28" s="1"/>
      <c r="BP28" s="1"/>
      <c r="BQ28" s="1">
        <v>32.71</v>
      </c>
      <c r="BR28" s="1"/>
      <c r="BS28" s="1"/>
      <c r="BT28" s="1">
        <v>5.7</v>
      </c>
      <c r="BU28" s="1"/>
      <c r="BV28" s="1"/>
      <c r="BW28" s="1"/>
      <c r="BX28" s="1"/>
      <c r="BY28" s="1"/>
      <c r="BZ28" s="1"/>
    </row>
    <row r="29" spans="1:78" x14ac:dyDescent="0.15">
      <c r="B29" s="2">
        <v>0.44930555555555557</v>
      </c>
      <c r="C29" s="1" t="s">
        <v>478</v>
      </c>
      <c r="D29" s="1" t="s">
        <v>43</v>
      </c>
      <c r="E29" s="1" t="s">
        <v>70</v>
      </c>
      <c r="G29" s="1" t="s">
        <v>117</v>
      </c>
      <c r="J29" s="1" t="s">
        <v>252</v>
      </c>
      <c r="N29" s="1" t="s">
        <v>33</v>
      </c>
      <c r="P29" s="1" t="s">
        <v>35</v>
      </c>
      <c r="Q29" s="1" t="s">
        <v>36</v>
      </c>
      <c r="S29" s="1" t="s">
        <v>301</v>
      </c>
      <c r="U29" s="1">
        <v>8.8000000000000007</v>
      </c>
      <c r="V29" s="1"/>
      <c r="W29" s="1"/>
      <c r="X29" s="1">
        <v>0.44</v>
      </c>
      <c r="Y29" s="1">
        <v>4.2000000000000003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4</v>
      </c>
      <c r="BC29" s="1">
        <v>0.19</v>
      </c>
      <c r="BD29" s="1">
        <v>0.24</v>
      </c>
      <c r="BF29" s="1"/>
      <c r="BG29" s="1"/>
      <c r="BH29" s="1"/>
      <c r="BI29" s="1"/>
      <c r="BJ29" s="1"/>
      <c r="BK29" s="1"/>
      <c r="BL29" s="1"/>
      <c r="BM29" s="1">
        <v>0.04</v>
      </c>
      <c r="BN29" s="1">
        <v>2.3E-2</v>
      </c>
      <c r="BO29" s="1"/>
      <c r="BP29" s="1"/>
      <c r="BQ29" s="1">
        <v>32.89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4930555555555557</v>
      </c>
      <c r="C30" s="1" t="s">
        <v>553</v>
      </c>
      <c r="D30" s="1" t="s">
        <v>43</v>
      </c>
      <c r="E30" s="1" t="s">
        <v>70</v>
      </c>
      <c r="J30" s="1" t="s">
        <v>73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83</v>
      </c>
      <c r="B31" s="2">
        <v>0.49305555555555558</v>
      </c>
      <c r="C31" s="1" t="s">
        <v>476</v>
      </c>
      <c r="D31" s="1" t="s">
        <v>43</v>
      </c>
      <c r="E31" s="1" t="s">
        <v>477</v>
      </c>
      <c r="F31" s="1" t="s">
        <v>186</v>
      </c>
      <c r="G31" s="1" t="s">
        <v>250</v>
      </c>
      <c r="J31" s="1" t="s">
        <v>30</v>
      </c>
      <c r="K31" s="1" t="s">
        <v>355</v>
      </c>
      <c r="M31" s="1" t="s">
        <v>217</v>
      </c>
      <c r="N31" s="1" t="s">
        <v>33</v>
      </c>
      <c r="O31" s="1" t="s">
        <v>92</v>
      </c>
      <c r="P31" s="1" t="s">
        <v>35</v>
      </c>
      <c r="Q31" s="1" t="s">
        <v>84</v>
      </c>
      <c r="S31" s="1" t="s">
        <v>104</v>
      </c>
      <c r="U31" s="1">
        <v>9.6999999999999993</v>
      </c>
      <c r="V31" s="1" t="s">
        <v>515</v>
      </c>
      <c r="W31" s="1" t="s">
        <v>508</v>
      </c>
      <c r="X31" s="1">
        <v>0.45</v>
      </c>
      <c r="Y31" s="1">
        <v>2.5999999999999999E-2</v>
      </c>
      <c r="Z31" s="1">
        <v>1.9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2</v>
      </c>
      <c r="BC31" s="1">
        <v>0.25</v>
      </c>
      <c r="BD31" s="1">
        <v>0.3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8.0000000000000002E-3</v>
      </c>
      <c r="BO31" s="1"/>
      <c r="BP31" s="1"/>
      <c r="BQ31" s="1">
        <v>32.49</v>
      </c>
      <c r="BR31" s="1"/>
      <c r="BS31" s="1"/>
      <c r="BT31" s="1">
        <v>2.2999999999999998</v>
      </c>
      <c r="BU31" s="1"/>
      <c r="BV31" s="1"/>
      <c r="BW31" s="1"/>
      <c r="BX31" s="1"/>
      <c r="BY31" s="1"/>
      <c r="BZ31" s="1"/>
    </row>
    <row r="32" spans="1:78" x14ac:dyDescent="0.15">
      <c r="B32" s="2">
        <v>0.49305555555555558</v>
      </c>
      <c r="C32" s="1" t="s">
        <v>478</v>
      </c>
      <c r="D32" s="1" t="s">
        <v>43</v>
      </c>
      <c r="E32" s="1" t="s">
        <v>477</v>
      </c>
      <c r="G32" s="1" t="s">
        <v>271</v>
      </c>
      <c r="J32" s="1" t="s">
        <v>374</v>
      </c>
      <c r="N32" s="1" t="s">
        <v>33</v>
      </c>
      <c r="P32" s="1" t="s">
        <v>35</v>
      </c>
      <c r="Q32" s="1" t="s">
        <v>84</v>
      </c>
      <c r="S32" s="1" t="s">
        <v>156</v>
      </c>
      <c r="U32" s="1">
        <v>8.6999999999999993</v>
      </c>
      <c r="V32" s="1"/>
      <c r="W32" s="1"/>
      <c r="X32" s="1">
        <v>0.33</v>
      </c>
      <c r="Y32" s="1">
        <v>2.5000000000000001E-2</v>
      </c>
      <c r="Z32" s="1">
        <v>8.9999999999999998E-4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18</v>
      </c>
      <c r="BD32" s="1">
        <v>0.23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0.01</v>
      </c>
      <c r="BO32" s="1"/>
      <c r="BP32" s="1"/>
      <c r="BQ32" s="1">
        <v>33.159999999999997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9305555555555558</v>
      </c>
      <c r="C33" s="1" t="s">
        <v>553</v>
      </c>
      <c r="D33" s="1" t="s">
        <v>43</v>
      </c>
      <c r="E33" s="1" t="s">
        <v>477</v>
      </c>
      <c r="J33" s="1" t="s">
        <v>235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43541666666666662</v>
      </c>
      <c r="C34" s="1" t="s">
        <v>476</v>
      </c>
      <c r="D34" s="1" t="s">
        <v>43</v>
      </c>
      <c r="E34" s="1" t="s">
        <v>477</v>
      </c>
      <c r="F34" s="1" t="s">
        <v>205</v>
      </c>
      <c r="G34" s="1" t="s">
        <v>209</v>
      </c>
      <c r="J34" s="1" t="s">
        <v>30</v>
      </c>
      <c r="K34" s="1" t="s">
        <v>188</v>
      </c>
      <c r="M34" s="1" t="s">
        <v>67</v>
      </c>
      <c r="N34" s="1" t="s">
        <v>33</v>
      </c>
      <c r="O34" s="1" t="s">
        <v>92</v>
      </c>
      <c r="P34" s="1" t="s">
        <v>35</v>
      </c>
      <c r="Q34" s="1" t="s">
        <v>84</v>
      </c>
      <c r="S34" s="1" t="s">
        <v>149</v>
      </c>
      <c r="U34" s="1">
        <v>9.9</v>
      </c>
      <c r="V34" s="1"/>
      <c r="W34" s="1"/>
      <c r="X34" s="1">
        <v>0.46</v>
      </c>
      <c r="Y34" s="1">
        <v>2.1000000000000001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26</v>
      </c>
      <c r="BD34" s="1">
        <v>0.31</v>
      </c>
      <c r="BF34" s="1"/>
      <c r="BG34" s="1"/>
      <c r="BH34" s="1"/>
      <c r="BI34" s="1"/>
      <c r="BJ34" s="1"/>
      <c r="BK34" s="1"/>
      <c r="BL34" s="1"/>
      <c r="BM34" s="1">
        <v>0.04</v>
      </c>
      <c r="BN34" s="1">
        <v>7.0000000000000001E-3</v>
      </c>
      <c r="BO34" s="1"/>
      <c r="BP34" s="1"/>
      <c r="BQ34" s="1">
        <v>32.39</v>
      </c>
      <c r="BR34" s="1"/>
      <c r="BS34" s="1"/>
      <c r="BT34" s="1">
        <v>3.5</v>
      </c>
      <c r="BU34" s="1"/>
      <c r="BV34" s="1"/>
      <c r="BW34" s="1"/>
      <c r="BX34" s="1"/>
      <c r="BY34" s="1"/>
      <c r="BZ34" s="1"/>
    </row>
    <row r="35" spans="1:78" x14ac:dyDescent="0.15">
      <c r="B35" s="2">
        <v>0.43541666666666662</v>
      </c>
      <c r="C35" s="1" t="s">
        <v>478</v>
      </c>
      <c r="D35" s="1" t="s">
        <v>43</v>
      </c>
      <c r="E35" s="1" t="s">
        <v>477</v>
      </c>
      <c r="G35" s="1" t="s">
        <v>269</v>
      </c>
      <c r="J35" s="1" t="s">
        <v>343</v>
      </c>
      <c r="N35" s="1" t="s">
        <v>33</v>
      </c>
      <c r="P35" s="1" t="s">
        <v>35</v>
      </c>
      <c r="Q35" s="1" t="s">
        <v>84</v>
      </c>
      <c r="S35" s="1" t="s">
        <v>301</v>
      </c>
      <c r="U35" s="1">
        <v>8.1999999999999993</v>
      </c>
      <c r="V35" s="1"/>
      <c r="W35" s="1"/>
      <c r="X35" s="1">
        <v>0.38</v>
      </c>
      <c r="Y35" s="1">
        <v>0.0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22</v>
      </c>
      <c r="BD35" s="1">
        <v>0.27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8.9999999999999993E-3</v>
      </c>
      <c r="BO35" s="1"/>
      <c r="BP35" s="1"/>
      <c r="BQ35" s="1">
        <v>33.06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3541666666666662</v>
      </c>
      <c r="C36" s="1" t="s">
        <v>553</v>
      </c>
      <c r="D36" s="1" t="s">
        <v>43</v>
      </c>
      <c r="E36" s="1" t="s">
        <v>477</v>
      </c>
      <c r="J36" s="1" t="s">
        <v>38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1" spans="21:21" x14ac:dyDescent="0.15">
      <c r="U1481" s="1"/>
    </row>
    <row r="1482" spans="21:21" x14ac:dyDescent="0.15">
      <c r="U1482" s="1"/>
    </row>
    <row r="1483" spans="21:21" x14ac:dyDescent="0.15">
      <c r="U1483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3" spans="21:21" x14ac:dyDescent="0.15">
      <c r="U1493" s="1"/>
    </row>
    <row r="1494" spans="21:21" x14ac:dyDescent="0.15">
      <c r="U1494" s="1"/>
    </row>
    <row r="1495" spans="21:21" x14ac:dyDescent="0.15">
      <c r="U1495" s="1"/>
    </row>
    <row r="1496" spans="21:21" x14ac:dyDescent="0.15">
      <c r="U1496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4" spans="21:21" x14ac:dyDescent="0.15">
      <c r="U1504" s="1"/>
    </row>
    <row r="1505" spans="21:21" x14ac:dyDescent="0.15">
      <c r="U1505" s="1"/>
    </row>
    <row r="1506" spans="21:21" x14ac:dyDescent="0.15">
      <c r="U1506" s="1"/>
    </row>
    <row r="1507" spans="21:21" x14ac:dyDescent="0.15">
      <c r="U1507" s="1"/>
    </row>
    <row r="1508" spans="21:21" x14ac:dyDescent="0.15">
      <c r="U1508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  <row r="1512" spans="21:21" x14ac:dyDescent="0.15">
      <c r="U1512" s="1"/>
    </row>
    <row r="1513" spans="21:21" x14ac:dyDescent="0.15">
      <c r="U1513" s="1"/>
    </row>
    <row r="1514" spans="21:21" x14ac:dyDescent="0.15">
      <c r="U1514" s="1"/>
    </row>
    <row r="1515" spans="21:21" x14ac:dyDescent="0.15">
      <c r="U1515" s="1"/>
    </row>
    <row r="1516" spans="21:21" x14ac:dyDescent="0.15">
      <c r="U1516" s="1"/>
    </row>
    <row r="1517" spans="21:21" x14ac:dyDescent="0.15">
      <c r="U1517" s="1"/>
    </row>
    <row r="1518" spans="21:21" x14ac:dyDescent="0.15">
      <c r="U1518" s="1"/>
    </row>
    <row r="1519" spans="21:21" x14ac:dyDescent="0.15">
      <c r="U1519" s="1"/>
    </row>
    <row r="1520" spans="21:21" x14ac:dyDescent="0.15">
      <c r="U1520" s="1"/>
    </row>
    <row r="1521" spans="21:21" x14ac:dyDescent="0.15">
      <c r="U1521" s="1"/>
    </row>
    <row r="1522" spans="21:21" x14ac:dyDescent="0.15">
      <c r="U1522" s="1"/>
    </row>
    <row r="1523" spans="21:21" x14ac:dyDescent="0.15">
      <c r="U1523" s="1"/>
    </row>
    <row r="1524" spans="21:21" x14ac:dyDescent="0.15">
      <c r="U1524" s="1"/>
    </row>
    <row r="1525" spans="21:21" x14ac:dyDescent="0.15">
      <c r="U1525" s="1"/>
    </row>
    <row r="1526" spans="21:21" x14ac:dyDescent="0.15">
      <c r="U1526" s="1"/>
    </row>
    <row r="1527" spans="21:21" x14ac:dyDescent="0.15">
      <c r="U1527" s="1"/>
    </row>
    <row r="1528" spans="21:21" x14ac:dyDescent="0.15">
      <c r="U1528" s="1"/>
    </row>
    <row r="1529" spans="21:21" x14ac:dyDescent="0.15">
      <c r="U1529" s="1"/>
    </row>
    <row r="1530" spans="21:21" x14ac:dyDescent="0.15">
      <c r="U1530" s="1"/>
    </row>
    <row r="1531" spans="21:21" x14ac:dyDescent="0.15">
      <c r="U1531" s="1"/>
    </row>
    <row r="1532" spans="21:21" x14ac:dyDescent="0.15">
      <c r="U1532" s="1"/>
    </row>
    <row r="1533" spans="21:21" x14ac:dyDescent="0.15">
      <c r="U1533" s="1"/>
    </row>
    <row r="1534" spans="21:21" x14ac:dyDescent="0.15">
      <c r="U1534" s="1"/>
    </row>
    <row r="1535" spans="21:21" x14ac:dyDescent="0.15">
      <c r="U1535" s="1"/>
    </row>
    <row r="1536" spans="21:21" x14ac:dyDescent="0.15">
      <c r="U1536" s="1"/>
    </row>
    <row r="1537" spans="21:21" x14ac:dyDescent="0.15">
      <c r="U1537" s="1"/>
    </row>
  </sheetData>
  <phoneticPr fontId="18"/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61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501</v>
      </c>
      <c r="E1" s="1" t="s">
        <v>2</v>
      </c>
      <c r="F1" s="1" t="s">
        <v>499</v>
      </c>
      <c r="G1" s="1" t="s">
        <v>3</v>
      </c>
      <c r="H1" s="1" t="s">
        <v>50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368</v>
      </c>
      <c r="B4" s="2">
        <v>0.40833333333333338</v>
      </c>
      <c r="C4" s="1" t="s">
        <v>476</v>
      </c>
      <c r="D4" s="1" t="s">
        <v>27</v>
      </c>
      <c r="E4" s="1" t="s">
        <v>369</v>
      </c>
      <c r="F4" s="1" t="s">
        <v>353</v>
      </c>
      <c r="G4" s="1" t="s">
        <v>135</v>
      </c>
      <c r="J4" s="1" t="s">
        <v>30</v>
      </c>
      <c r="K4" s="1" t="s">
        <v>247</v>
      </c>
      <c r="M4" s="1" t="s">
        <v>63</v>
      </c>
      <c r="N4" s="1" t="s">
        <v>33</v>
      </c>
      <c r="O4" s="1" t="s">
        <v>92</v>
      </c>
      <c r="P4" s="1" t="s">
        <v>35</v>
      </c>
      <c r="Q4" s="1" t="s">
        <v>84</v>
      </c>
      <c r="S4" s="1" t="s">
        <v>170</v>
      </c>
      <c r="U4" s="1">
        <v>8.1999999999999993</v>
      </c>
      <c r="V4" s="1"/>
      <c r="W4" s="1"/>
      <c r="X4" s="1">
        <v>0.37</v>
      </c>
      <c r="Y4" s="1">
        <v>2.4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2</v>
      </c>
      <c r="BC4" s="1">
        <v>0.19</v>
      </c>
      <c r="BD4" s="1">
        <v>0.24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1.0999999999999999E-2</v>
      </c>
      <c r="BO4" s="1"/>
      <c r="BP4" s="1"/>
      <c r="BQ4" s="1">
        <v>32.409999999999997</v>
      </c>
      <c r="BR4" s="1"/>
      <c r="BS4" s="1"/>
      <c r="BT4" s="1">
        <v>0.8</v>
      </c>
      <c r="BU4" s="1"/>
      <c r="BV4" s="1"/>
      <c r="BW4" s="1"/>
      <c r="BX4" s="1"/>
      <c r="BY4" s="1"/>
      <c r="BZ4" s="1"/>
    </row>
    <row r="5" spans="1:78" x14ac:dyDescent="0.15">
      <c r="B5" s="2">
        <v>0.40833333333333338</v>
      </c>
      <c r="C5" s="1" t="s">
        <v>478</v>
      </c>
      <c r="D5" s="1" t="s">
        <v>27</v>
      </c>
      <c r="E5" s="1" t="s">
        <v>369</v>
      </c>
      <c r="G5" s="1" t="s">
        <v>142</v>
      </c>
      <c r="J5" s="1" t="s">
        <v>310</v>
      </c>
      <c r="N5" s="1" t="s">
        <v>33</v>
      </c>
      <c r="P5" s="1" t="s">
        <v>35</v>
      </c>
      <c r="Q5" s="1" t="s">
        <v>84</v>
      </c>
      <c r="S5" s="1" t="s">
        <v>301</v>
      </c>
      <c r="U5" s="1">
        <v>7.8</v>
      </c>
      <c r="V5" s="1"/>
      <c r="W5" s="1"/>
      <c r="X5" s="1">
        <v>0.21</v>
      </c>
      <c r="Y5" s="1">
        <v>2.3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0</v>
      </c>
      <c r="BC5" s="1">
        <v>0.11</v>
      </c>
      <c r="BD5" s="1">
        <v>0.16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1.4999999999999999E-2</v>
      </c>
      <c r="BO5" s="1"/>
      <c r="BP5" s="1"/>
      <c r="BQ5" s="1">
        <v>33.99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71</v>
      </c>
      <c r="B6" s="2">
        <v>0.4381944444444445</v>
      </c>
      <c r="C6" s="1" t="s">
        <v>476</v>
      </c>
      <c r="D6" s="1" t="s">
        <v>27</v>
      </c>
      <c r="E6" s="1" t="s">
        <v>70</v>
      </c>
      <c r="F6" s="1" t="s">
        <v>277</v>
      </c>
      <c r="G6" s="1" t="s">
        <v>233</v>
      </c>
      <c r="J6" s="1" t="s">
        <v>30</v>
      </c>
      <c r="K6" s="1" t="s">
        <v>247</v>
      </c>
      <c r="M6" s="1" t="s">
        <v>111</v>
      </c>
      <c r="N6" s="1" t="s">
        <v>74</v>
      </c>
      <c r="O6" s="1" t="s">
        <v>221</v>
      </c>
      <c r="P6" s="1" t="s">
        <v>35</v>
      </c>
      <c r="Q6" s="1" t="s">
        <v>76</v>
      </c>
      <c r="S6" s="1" t="s">
        <v>182</v>
      </c>
      <c r="U6" s="1">
        <v>14.4</v>
      </c>
      <c r="V6" s="1" t="s">
        <v>515</v>
      </c>
      <c r="W6" s="1"/>
      <c r="X6" s="1">
        <v>0.34</v>
      </c>
      <c r="Y6" s="1">
        <v>0.0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0</v>
      </c>
      <c r="BC6" s="1" t="s">
        <v>512</v>
      </c>
      <c r="BD6" s="1" t="s">
        <v>522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1E-3</v>
      </c>
      <c r="BO6" s="1"/>
      <c r="BP6" s="1"/>
      <c r="BQ6" s="1">
        <v>29.2</v>
      </c>
      <c r="BR6" s="1"/>
      <c r="BS6" s="1"/>
      <c r="BT6" s="1">
        <v>8.6999999999999993</v>
      </c>
      <c r="BU6" s="1"/>
      <c r="BV6" s="1"/>
      <c r="BW6" s="1"/>
      <c r="BX6" s="1"/>
      <c r="BY6" s="1"/>
      <c r="BZ6" s="1"/>
    </row>
    <row r="7" spans="1:78" x14ac:dyDescent="0.15">
      <c r="B7" s="2">
        <v>0.4381944444444445</v>
      </c>
      <c r="C7" s="1" t="s">
        <v>478</v>
      </c>
      <c r="D7" s="1" t="s">
        <v>27</v>
      </c>
      <c r="E7" s="1" t="s">
        <v>70</v>
      </c>
      <c r="G7" s="1" t="s">
        <v>29</v>
      </c>
      <c r="J7" s="1" t="s">
        <v>310</v>
      </c>
      <c r="N7" s="1" t="s">
        <v>74</v>
      </c>
      <c r="P7" s="1" t="s">
        <v>35</v>
      </c>
      <c r="Q7" s="1" t="s">
        <v>36</v>
      </c>
      <c r="S7" s="1" t="s">
        <v>156</v>
      </c>
      <c r="U7" s="1">
        <v>7.1</v>
      </c>
      <c r="V7" s="1"/>
      <c r="W7" s="1"/>
      <c r="X7" s="1">
        <v>0.15</v>
      </c>
      <c r="Y7" s="1">
        <v>2.199999999999999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0</v>
      </c>
      <c r="BC7" s="1">
        <v>0.05</v>
      </c>
      <c r="BD7" s="1">
        <v>0.1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1.0999999999999999E-2</v>
      </c>
      <c r="BO7" s="1"/>
      <c r="BP7" s="1"/>
      <c r="BQ7" s="1">
        <v>34.27000000000000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40902777777777777</v>
      </c>
      <c r="C8" s="1" t="s">
        <v>476</v>
      </c>
      <c r="D8" s="1" t="s">
        <v>51</v>
      </c>
      <c r="E8" s="1" t="s">
        <v>477</v>
      </c>
      <c r="F8" s="1" t="s">
        <v>345</v>
      </c>
      <c r="G8" s="1" t="s">
        <v>324</v>
      </c>
      <c r="J8" s="1" t="s">
        <v>30</v>
      </c>
      <c r="K8" s="1" t="s">
        <v>382</v>
      </c>
      <c r="M8" s="1" t="s">
        <v>133</v>
      </c>
      <c r="N8" s="1" t="s">
        <v>74</v>
      </c>
      <c r="O8" s="1" t="s">
        <v>221</v>
      </c>
      <c r="P8" s="1" t="s">
        <v>35</v>
      </c>
      <c r="Q8" s="1" t="s">
        <v>174</v>
      </c>
      <c r="S8" s="1" t="s">
        <v>141</v>
      </c>
      <c r="U8" s="1">
        <v>12.7</v>
      </c>
      <c r="V8" s="1"/>
      <c r="W8" s="1"/>
      <c r="X8" s="1">
        <v>0.28999999999999998</v>
      </c>
      <c r="Y8" s="1">
        <v>2.5999999999999999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0</v>
      </c>
      <c r="BC8" s="1" t="s">
        <v>51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>
        <v>1E-3</v>
      </c>
      <c r="BO8" s="1"/>
      <c r="BP8" s="1"/>
      <c r="BQ8" s="1">
        <v>30.11</v>
      </c>
      <c r="BR8" s="1"/>
      <c r="BS8" s="1"/>
      <c r="BT8" s="1">
        <v>16</v>
      </c>
      <c r="BU8" s="1"/>
      <c r="BV8" s="1"/>
      <c r="BW8" s="1"/>
      <c r="BX8" s="1"/>
      <c r="BY8" s="1"/>
      <c r="BZ8" s="1"/>
    </row>
    <row r="9" spans="1:78" x14ac:dyDescent="0.15">
      <c r="B9" s="2">
        <v>0.40902777777777777</v>
      </c>
      <c r="C9" s="1" t="s">
        <v>478</v>
      </c>
      <c r="D9" s="1" t="s">
        <v>51</v>
      </c>
      <c r="E9" s="1" t="s">
        <v>477</v>
      </c>
      <c r="G9" s="1" t="s">
        <v>168</v>
      </c>
      <c r="J9" s="1" t="s">
        <v>334</v>
      </c>
      <c r="N9" s="1" t="s">
        <v>74</v>
      </c>
      <c r="P9" s="1" t="s">
        <v>35</v>
      </c>
      <c r="Q9" s="1" t="s">
        <v>36</v>
      </c>
      <c r="S9" s="1" t="s">
        <v>301</v>
      </c>
      <c r="U9" s="1">
        <v>6.5</v>
      </c>
      <c r="V9" s="1"/>
      <c r="W9" s="1"/>
      <c r="X9" s="1">
        <v>0.2</v>
      </c>
      <c r="Y9" s="1">
        <v>0.0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7.0000000000000007E-2</v>
      </c>
      <c r="BD9" s="1">
        <v>0.12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1.7999999999999999E-2</v>
      </c>
      <c r="BO9" s="1"/>
      <c r="BP9" s="1"/>
      <c r="BQ9" s="1">
        <v>34.03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1805555555555557</v>
      </c>
      <c r="C10" s="1" t="s">
        <v>476</v>
      </c>
      <c r="D10" s="1" t="s">
        <v>27</v>
      </c>
      <c r="E10" s="1" t="s">
        <v>477</v>
      </c>
      <c r="F10" s="1" t="s">
        <v>220</v>
      </c>
      <c r="G10" s="1" t="s">
        <v>154</v>
      </c>
      <c r="J10" s="1" t="s">
        <v>30</v>
      </c>
      <c r="K10" s="1" t="s">
        <v>367</v>
      </c>
      <c r="M10" s="1" t="s">
        <v>41</v>
      </c>
      <c r="N10" s="1" t="s">
        <v>33</v>
      </c>
      <c r="O10" s="1" t="s">
        <v>34</v>
      </c>
      <c r="P10" s="1" t="s">
        <v>35</v>
      </c>
      <c r="Q10" s="1" t="s">
        <v>63</v>
      </c>
      <c r="S10" s="1" t="s">
        <v>169</v>
      </c>
      <c r="U10" s="1">
        <v>9.4</v>
      </c>
      <c r="V10" s="1"/>
      <c r="W10" s="1"/>
      <c r="X10" s="1">
        <v>0.21</v>
      </c>
      <c r="Y10" s="1">
        <v>2.9000000000000001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2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2E-3</v>
      </c>
      <c r="BO10" s="1"/>
      <c r="BP10" s="1"/>
      <c r="BQ10" s="1">
        <v>31.12</v>
      </c>
      <c r="BR10" s="1"/>
      <c r="BS10" s="1"/>
      <c r="BT10" s="1">
        <v>7.9</v>
      </c>
      <c r="BU10" s="1"/>
      <c r="BV10" s="1"/>
      <c r="BW10" s="1"/>
      <c r="BX10" s="1"/>
      <c r="BY10" s="1"/>
      <c r="BZ10" s="1"/>
    </row>
    <row r="11" spans="1:78" x14ac:dyDescent="0.15">
      <c r="B11" s="2">
        <v>0.41805555555555557</v>
      </c>
      <c r="C11" s="1" t="s">
        <v>478</v>
      </c>
      <c r="D11" s="1" t="s">
        <v>27</v>
      </c>
      <c r="E11" s="1" t="s">
        <v>477</v>
      </c>
      <c r="G11" s="1" t="s">
        <v>102</v>
      </c>
      <c r="J11" s="1" t="s">
        <v>153</v>
      </c>
      <c r="N11" s="1" t="s">
        <v>33</v>
      </c>
      <c r="P11" s="1" t="s">
        <v>35</v>
      </c>
      <c r="Q11" s="1" t="s">
        <v>40</v>
      </c>
      <c r="S11" s="1" t="s">
        <v>114</v>
      </c>
      <c r="U11" s="1">
        <v>5.5</v>
      </c>
      <c r="V11" s="1"/>
      <c r="W11" s="1"/>
      <c r="X11" s="1">
        <v>0.28999999999999998</v>
      </c>
      <c r="Y11" s="1">
        <v>0.04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09</v>
      </c>
      <c r="BD11" s="1">
        <v>0.14000000000000001</v>
      </c>
      <c r="BE11" s="1"/>
      <c r="BF11" s="1"/>
      <c r="BG11" s="1"/>
      <c r="BH11" s="1"/>
      <c r="BI11" s="1"/>
      <c r="BJ11" s="1"/>
      <c r="BK11" s="1"/>
      <c r="BL11" s="1"/>
      <c r="BM11" s="1" t="s">
        <v>533</v>
      </c>
      <c r="BN11" s="1">
        <v>3.2000000000000001E-2</v>
      </c>
      <c r="BO11" s="1"/>
      <c r="BP11" s="1"/>
      <c r="BQ11" s="1">
        <v>33.94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1805555555555557</v>
      </c>
      <c r="C12" s="1" t="s">
        <v>553</v>
      </c>
      <c r="D12" s="1" t="s">
        <v>27</v>
      </c>
      <c r="E12" s="1" t="s">
        <v>477</v>
      </c>
      <c r="J12" s="1" t="s">
        <v>283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3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4680555555555555</v>
      </c>
      <c r="C13" s="1" t="s">
        <v>476</v>
      </c>
      <c r="D13" s="1" t="s">
        <v>27</v>
      </c>
      <c r="E13" s="1" t="s">
        <v>70</v>
      </c>
      <c r="F13" s="1" t="s">
        <v>349</v>
      </c>
      <c r="G13" s="1" t="s">
        <v>195</v>
      </c>
      <c r="J13" s="1" t="s">
        <v>30</v>
      </c>
      <c r="K13" s="1" t="s">
        <v>374</v>
      </c>
      <c r="M13" s="1" t="s">
        <v>133</v>
      </c>
      <c r="N13" s="1" t="s">
        <v>33</v>
      </c>
      <c r="O13" s="1" t="s">
        <v>34</v>
      </c>
      <c r="P13" s="1" t="s">
        <v>35</v>
      </c>
      <c r="Q13" s="1" t="s">
        <v>63</v>
      </c>
      <c r="S13" s="1" t="s">
        <v>141</v>
      </c>
      <c r="U13" s="1">
        <v>9.1</v>
      </c>
      <c r="V13" s="1" t="s">
        <v>515</v>
      </c>
      <c r="W13" s="1" t="s">
        <v>508</v>
      </c>
      <c r="X13" s="1">
        <v>0.31</v>
      </c>
      <c r="Y13" s="1">
        <v>3.4000000000000002E-2</v>
      </c>
      <c r="Z13" s="1" t="s">
        <v>513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5.0000000000000001E-3</v>
      </c>
      <c r="BO13" s="1"/>
      <c r="BP13" s="1"/>
      <c r="BQ13" s="1">
        <v>30.51</v>
      </c>
      <c r="BR13" s="1"/>
      <c r="BS13" s="1"/>
      <c r="BT13" s="1">
        <v>4.9000000000000004</v>
      </c>
      <c r="BU13" s="1"/>
      <c r="BV13" s="1"/>
      <c r="BW13" s="1"/>
      <c r="BX13" s="1"/>
      <c r="BY13" s="1"/>
      <c r="BZ13" s="1"/>
    </row>
    <row r="14" spans="1:78" x14ac:dyDescent="0.15">
      <c r="B14" s="2">
        <v>0.4680555555555555</v>
      </c>
      <c r="C14" s="1" t="s">
        <v>478</v>
      </c>
      <c r="D14" s="1" t="s">
        <v>27</v>
      </c>
      <c r="E14" s="1" t="s">
        <v>70</v>
      </c>
      <c r="G14" s="1" t="s">
        <v>261</v>
      </c>
      <c r="J14" s="1" t="s">
        <v>375</v>
      </c>
      <c r="N14" s="1" t="s">
        <v>33</v>
      </c>
      <c r="P14" s="1" t="s">
        <v>35</v>
      </c>
      <c r="Q14" s="1" t="s">
        <v>36</v>
      </c>
      <c r="S14" s="1" t="s">
        <v>114</v>
      </c>
      <c r="U14" s="1">
        <v>6.1</v>
      </c>
      <c r="V14" s="1"/>
      <c r="W14" s="1"/>
      <c r="X14" s="1">
        <v>0.18</v>
      </c>
      <c r="Y14" s="1">
        <v>2.3E-2</v>
      </c>
      <c r="Z14" s="1" t="s">
        <v>51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0</v>
      </c>
      <c r="BC14" s="1">
        <v>0.08</v>
      </c>
      <c r="BD14" s="1">
        <v>0.13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1.6E-2</v>
      </c>
      <c r="BO14" s="1"/>
      <c r="BP14" s="1"/>
      <c r="BQ14" s="1">
        <v>33.86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680555555555555</v>
      </c>
      <c r="C15" s="1" t="s">
        <v>553</v>
      </c>
      <c r="D15" s="1" t="s">
        <v>27</v>
      </c>
      <c r="E15" s="1" t="s">
        <v>70</v>
      </c>
      <c r="J15" s="1" t="s">
        <v>38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376</v>
      </c>
      <c r="B16" s="2">
        <v>0.41388888888888892</v>
      </c>
      <c r="C16" s="1" t="s">
        <v>476</v>
      </c>
      <c r="D16" s="1" t="s">
        <v>43</v>
      </c>
      <c r="E16" s="1" t="s">
        <v>477</v>
      </c>
      <c r="F16" s="1" t="s">
        <v>254</v>
      </c>
      <c r="G16" s="1" t="s">
        <v>295</v>
      </c>
      <c r="J16" s="1" t="s">
        <v>30</v>
      </c>
      <c r="K16" s="1" t="s">
        <v>367</v>
      </c>
      <c r="M16" s="1" t="s">
        <v>352</v>
      </c>
      <c r="N16" s="1" t="s">
        <v>33</v>
      </c>
      <c r="O16" s="1" t="s">
        <v>92</v>
      </c>
      <c r="P16" s="1" t="s">
        <v>35</v>
      </c>
      <c r="Q16" s="1" t="s">
        <v>84</v>
      </c>
      <c r="S16" s="1" t="s">
        <v>125</v>
      </c>
      <c r="U16" s="1">
        <v>6.5</v>
      </c>
      <c r="V16" s="1"/>
      <c r="W16" s="1"/>
      <c r="X16" s="1">
        <v>0.35</v>
      </c>
      <c r="Y16" s="1">
        <v>5.2999999999999999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7.0000000000000007E-2</v>
      </c>
      <c r="BD16" s="1">
        <v>0.12</v>
      </c>
      <c r="BE16" s="1"/>
      <c r="BF16" s="1"/>
      <c r="BG16" s="1"/>
      <c r="BH16" s="1"/>
      <c r="BI16" s="1"/>
      <c r="BJ16" s="1"/>
      <c r="BK16" s="1"/>
      <c r="BL16" s="1"/>
      <c r="BM16" s="1">
        <v>0.09</v>
      </c>
      <c r="BN16" s="1">
        <v>2.9000000000000001E-2</v>
      </c>
      <c r="BO16" s="1"/>
      <c r="BP16" s="1"/>
      <c r="BQ16" s="1">
        <v>30.2</v>
      </c>
      <c r="BR16" s="1"/>
      <c r="BS16" s="1"/>
      <c r="BT16" s="1">
        <v>2.2999999999999998</v>
      </c>
      <c r="BU16" s="1"/>
      <c r="BV16" s="1"/>
      <c r="BW16" s="1"/>
      <c r="BX16" s="1"/>
      <c r="BY16" s="1"/>
      <c r="BZ16" s="1"/>
    </row>
    <row r="17" spans="1:78" x14ac:dyDescent="0.15">
      <c r="B17" s="2">
        <v>0.41388888888888892</v>
      </c>
      <c r="C17" s="1" t="s">
        <v>478</v>
      </c>
      <c r="D17" s="1" t="s">
        <v>43</v>
      </c>
      <c r="E17" s="1" t="s">
        <v>477</v>
      </c>
      <c r="G17" s="1" t="s">
        <v>314</v>
      </c>
      <c r="J17" s="1" t="s">
        <v>153</v>
      </c>
      <c r="N17" s="1" t="s">
        <v>33</v>
      </c>
      <c r="P17" s="1" t="s">
        <v>35</v>
      </c>
      <c r="Q17" s="1" t="s">
        <v>36</v>
      </c>
      <c r="S17" s="1" t="s">
        <v>62</v>
      </c>
      <c r="U17" s="1">
        <v>6.1</v>
      </c>
      <c r="V17" s="1"/>
      <c r="W17" s="1"/>
      <c r="X17" s="1">
        <v>0.18</v>
      </c>
      <c r="Y17" s="1">
        <v>2.5000000000000001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05</v>
      </c>
      <c r="BD17" s="1">
        <v>0.1</v>
      </c>
      <c r="BE17" s="1"/>
      <c r="BF17" s="1"/>
      <c r="BG17" s="1"/>
      <c r="BH17" s="1"/>
      <c r="BI17" s="1"/>
      <c r="BJ17" s="1"/>
      <c r="BK17" s="1"/>
      <c r="BL17" s="1"/>
      <c r="BM17" s="1" t="s">
        <v>533</v>
      </c>
      <c r="BN17" s="1">
        <v>1.2E-2</v>
      </c>
      <c r="BO17" s="1"/>
      <c r="BP17" s="1"/>
      <c r="BQ17" s="1">
        <v>33.58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1388888888888892</v>
      </c>
      <c r="C18" s="1" t="s">
        <v>553</v>
      </c>
      <c r="D18" s="1" t="s">
        <v>43</v>
      </c>
      <c r="E18" s="1" t="s">
        <v>477</v>
      </c>
      <c r="J18" s="1" t="s">
        <v>283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2708333333333331</v>
      </c>
      <c r="C19" s="1" t="s">
        <v>476</v>
      </c>
      <c r="D19" s="1" t="s">
        <v>43</v>
      </c>
      <c r="E19" s="1" t="s">
        <v>70</v>
      </c>
      <c r="F19" s="1" t="s">
        <v>88</v>
      </c>
      <c r="G19" s="1" t="s">
        <v>324</v>
      </c>
      <c r="J19" s="1" t="s">
        <v>30</v>
      </c>
      <c r="K19" s="1" t="s">
        <v>382</v>
      </c>
      <c r="M19" s="1" t="s">
        <v>49</v>
      </c>
      <c r="N19" s="1" t="s">
        <v>33</v>
      </c>
      <c r="O19" s="1" t="s">
        <v>34</v>
      </c>
      <c r="P19" s="1" t="s">
        <v>35</v>
      </c>
      <c r="Q19" s="1" t="s">
        <v>40</v>
      </c>
      <c r="S19" s="1" t="s">
        <v>125</v>
      </c>
      <c r="U19" s="1">
        <v>8.6</v>
      </c>
      <c r="V19" s="1"/>
      <c r="W19" s="1"/>
      <c r="X19" s="1">
        <v>0.91</v>
      </c>
      <c r="Y19" s="1">
        <v>0.09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56000000000000005</v>
      </c>
      <c r="BD19" s="1">
        <v>0.61</v>
      </c>
      <c r="BE19" s="1"/>
      <c r="BF19" s="1"/>
      <c r="BG19" s="1"/>
      <c r="BH19" s="1"/>
      <c r="BI19" s="1"/>
      <c r="BJ19" s="1"/>
      <c r="BK19" s="1"/>
      <c r="BL19" s="1"/>
      <c r="BM19" s="1">
        <v>0.05</v>
      </c>
      <c r="BN19" s="1">
        <v>6.5000000000000002E-2</v>
      </c>
      <c r="BO19" s="1"/>
      <c r="BP19" s="1"/>
      <c r="BQ19" s="1">
        <v>24.58</v>
      </c>
      <c r="BR19" s="1" t="s">
        <v>531</v>
      </c>
      <c r="BS19" s="1"/>
      <c r="BT19" s="1">
        <v>3.7</v>
      </c>
      <c r="BU19" s="1"/>
      <c r="BV19" s="1"/>
      <c r="BW19" s="1"/>
      <c r="BX19" s="1"/>
      <c r="BY19" s="1"/>
      <c r="BZ19" s="1"/>
    </row>
    <row r="20" spans="1:78" x14ac:dyDescent="0.15">
      <c r="B20" s="2">
        <v>0.42708333333333331</v>
      </c>
      <c r="C20" s="1" t="s">
        <v>478</v>
      </c>
      <c r="D20" s="1" t="s">
        <v>43</v>
      </c>
      <c r="E20" s="1" t="s">
        <v>70</v>
      </c>
      <c r="G20" s="1" t="s">
        <v>277</v>
      </c>
      <c r="J20" s="1" t="s">
        <v>334</v>
      </c>
      <c r="N20" s="1" t="s">
        <v>33</v>
      </c>
      <c r="P20" s="1" t="s">
        <v>35</v>
      </c>
      <c r="Q20" s="1" t="s">
        <v>40</v>
      </c>
      <c r="S20" s="1" t="s">
        <v>286</v>
      </c>
      <c r="U20" s="1">
        <v>6.3</v>
      </c>
      <c r="V20" s="1"/>
      <c r="W20" s="1"/>
      <c r="X20" s="1">
        <v>0.28000000000000003</v>
      </c>
      <c r="Y20" s="1">
        <v>3.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16</v>
      </c>
      <c r="BD20" s="1">
        <v>0.21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3.1E-2</v>
      </c>
      <c r="BO20" s="1"/>
      <c r="BP20" s="1"/>
      <c r="BQ20" s="1">
        <v>32.61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2708333333333331</v>
      </c>
      <c r="C21" s="1" t="s">
        <v>553</v>
      </c>
      <c r="D21" s="1" t="s">
        <v>43</v>
      </c>
      <c r="E21" s="1" t="s">
        <v>70</v>
      </c>
      <c r="J21" s="1" t="s">
        <v>61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 t="s">
        <v>509</v>
      </c>
      <c r="AD21" s="1" t="s">
        <v>510</v>
      </c>
      <c r="AE21" s="1">
        <v>2.3999999999999998E-3</v>
      </c>
      <c r="AF21" s="1" t="s">
        <v>512</v>
      </c>
      <c r="AG21" s="1" t="s">
        <v>511</v>
      </c>
      <c r="AH21" s="1" t="s">
        <v>513</v>
      </c>
      <c r="AI21" s="1"/>
      <c r="AJ21" s="1" t="s">
        <v>513</v>
      </c>
      <c r="AK21" s="1" t="s">
        <v>514</v>
      </c>
      <c r="AL21" s="1" t="s">
        <v>514</v>
      </c>
      <c r="AM21" s="1" t="s">
        <v>514</v>
      </c>
      <c r="AN21" s="1" t="s">
        <v>514</v>
      </c>
      <c r="AO21" s="1" t="s">
        <v>514</v>
      </c>
      <c r="AP21" t="s">
        <v>514</v>
      </c>
      <c r="AQ21" s="1" t="s">
        <v>514</v>
      </c>
      <c r="AR21" s="1" t="s">
        <v>514</v>
      </c>
      <c r="AS21" s="1" t="s">
        <v>514</v>
      </c>
      <c r="AT21" s="1" t="s">
        <v>517</v>
      </c>
      <c r="AU21" s="1"/>
      <c r="AV21" s="1"/>
      <c r="AW21" s="1"/>
      <c r="AX21" s="1" t="s">
        <v>514</v>
      </c>
      <c r="AY21" s="1" t="s">
        <v>523</v>
      </c>
      <c r="AZ21" s="1"/>
      <c r="BA21" s="1"/>
      <c r="BB21" s="1"/>
      <c r="BC21" s="1"/>
      <c r="BD21" s="1"/>
      <c r="BE21" s="1" t="s">
        <v>511</v>
      </c>
      <c r="BF21" s="1" t="s">
        <v>511</v>
      </c>
      <c r="BG21" s="1">
        <v>2.5999999999999999E-3</v>
      </c>
      <c r="BH21" s="1" t="s">
        <v>512</v>
      </c>
      <c r="BI21" s="1">
        <v>0.03</v>
      </c>
      <c r="BJ21" s="1"/>
      <c r="BK21" s="1"/>
      <c r="BL21" s="1">
        <v>1E-3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380</v>
      </c>
      <c r="B22" s="2">
        <v>0.4513888888888889</v>
      </c>
      <c r="C22" s="1" t="s">
        <v>476</v>
      </c>
      <c r="D22" s="1" t="s">
        <v>27</v>
      </c>
      <c r="E22" s="1" t="s">
        <v>477</v>
      </c>
      <c r="F22" s="1" t="s">
        <v>118</v>
      </c>
      <c r="G22" s="1" t="s">
        <v>354</v>
      </c>
      <c r="J22" s="1" t="s">
        <v>30</v>
      </c>
      <c r="K22" s="1" t="s">
        <v>365</v>
      </c>
      <c r="M22" s="1" t="s">
        <v>246</v>
      </c>
      <c r="N22" s="1" t="s">
        <v>33</v>
      </c>
      <c r="O22" s="1" t="s">
        <v>92</v>
      </c>
      <c r="P22" s="1" t="s">
        <v>35</v>
      </c>
      <c r="Q22" s="1" t="s">
        <v>36</v>
      </c>
      <c r="S22" s="1" t="s">
        <v>54</v>
      </c>
      <c r="U22" s="1">
        <v>7.5</v>
      </c>
      <c r="V22" s="1" t="s">
        <v>515</v>
      </c>
      <c r="W22" s="1"/>
      <c r="X22" s="1">
        <v>0.39</v>
      </c>
      <c r="Y22" s="1">
        <v>4.2000000000000003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2</v>
      </c>
      <c r="BC22" s="1">
        <v>0.17</v>
      </c>
      <c r="BD22" s="1">
        <v>0.22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2.5999999999999999E-2</v>
      </c>
      <c r="BO22" s="1"/>
      <c r="BP22" s="1"/>
      <c r="BQ22" s="1">
        <v>32.49</v>
      </c>
      <c r="BR22" s="1"/>
      <c r="BS22" s="1"/>
      <c r="BT22" s="1">
        <v>3.7</v>
      </c>
      <c r="BU22" s="1"/>
      <c r="BV22" s="1"/>
      <c r="BW22" s="1"/>
      <c r="BX22" s="1"/>
      <c r="BY22" s="1"/>
      <c r="BZ22" s="1"/>
    </row>
    <row r="23" spans="1:78" x14ac:dyDescent="0.15">
      <c r="B23" s="2">
        <v>0.4513888888888889</v>
      </c>
      <c r="C23" s="1" t="s">
        <v>478</v>
      </c>
      <c r="D23" s="1" t="s">
        <v>27</v>
      </c>
      <c r="E23" s="1" t="s">
        <v>477</v>
      </c>
      <c r="G23" s="1" t="s">
        <v>337</v>
      </c>
      <c r="J23" s="1" t="s">
        <v>252</v>
      </c>
      <c r="N23" s="1" t="s">
        <v>33</v>
      </c>
      <c r="P23" s="1" t="s">
        <v>35</v>
      </c>
      <c r="Q23" s="1" t="s">
        <v>36</v>
      </c>
      <c r="S23" s="1" t="s">
        <v>156</v>
      </c>
      <c r="U23" s="1">
        <v>6.7</v>
      </c>
      <c r="V23" s="1"/>
      <c r="W23" s="1"/>
      <c r="X23" s="1">
        <v>0.24</v>
      </c>
      <c r="Y23" s="1">
        <v>0.03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1</v>
      </c>
      <c r="BC23" s="1">
        <v>0.09</v>
      </c>
      <c r="BD23" s="1">
        <v>0.14000000000000001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1.9E-2</v>
      </c>
      <c r="BO23" s="1"/>
      <c r="BP23" s="1"/>
      <c r="BQ23" s="1">
        <v>33.42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513888888888889</v>
      </c>
      <c r="C24" s="1" t="s">
        <v>553</v>
      </c>
      <c r="D24" s="1" t="s">
        <v>27</v>
      </c>
      <c r="E24" s="1" t="s">
        <v>477</v>
      </c>
      <c r="J24" s="1" t="s">
        <v>73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46458333333333335</v>
      </c>
      <c r="C25" s="1" t="s">
        <v>476</v>
      </c>
      <c r="D25" s="1" t="s">
        <v>43</v>
      </c>
      <c r="E25" s="1" t="s">
        <v>107</v>
      </c>
      <c r="F25" s="1" t="s">
        <v>304</v>
      </c>
      <c r="G25" s="1" t="s">
        <v>98</v>
      </c>
      <c r="J25" s="1" t="s">
        <v>30</v>
      </c>
      <c r="K25" s="1" t="s">
        <v>347</v>
      </c>
      <c r="M25" s="1" t="s">
        <v>179</v>
      </c>
      <c r="N25" s="1" t="s">
        <v>33</v>
      </c>
      <c r="O25" s="1" t="s">
        <v>92</v>
      </c>
      <c r="P25" s="1" t="s">
        <v>35</v>
      </c>
      <c r="Q25" s="1" t="s">
        <v>36</v>
      </c>
      <c r="S25" s="1" t="s">
        <v>156</v>
      </c>
      <c r="U25" s="1">
        <v>7.2</v>
      </c>
      <c r="V25" s="1"/>
      <c r="W25" s="1"/>
      <c r="X25" s="1">
        <v>0.27</v>
      </c>
      <c r="Y25" s="1">
        <v>2.9000000000000001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2</v>
      </c>
      <c r="BC25" s="1">
        <v>0.11</v>
      </c>
      <c r="BD25" s="1">
        <v>0.16</v>
      </c>
      <c r="BE25" s="1"/>
      <c r="BF25" s="1"/>
      <c r="BG25" s="1"/>
      <c r="BH25" s="1"/>
      <c r="BI25" s="1"/>
      <c r="BJ25" s="1"/>
      <c r="BK25" s="1"/>
      <c r="BL25" s="1"/>
      <c r="BM25" s="1">
        <v>0.05</v>
      </c>
      <c r="BN25" s="1">
        <v>0.02</v>
      </c>
      <c r="BO25" s="1"/>
      <c r="BP25" s="1"/>
      <c r="BQ25" s="1">
        <v>32.68</v>
      </c>
      <c r="BR25" s="1"/>
      <c r="BS25" s="1"/>
      <c r="BT25" s="1">
        <v>2.9</v>
      </c>
      <c r="BU25" s="1"/>
      <c r="BV25" s="1"/>
      <c r="BW25" s="1"/>
      <c r="BX25" s="1"/>
      <c r="BY25" s="1"/>
      <c r="BZ25" s="1"/>
    </row>
    <row r="26" spans="1:78" x14ac:dyDescent="0.15">
      <c r="B26" s="2">
        <v>0.46458333333333335</v>
      </c>
      <c r="C26" s="1" t="s">
        <v>478</v>
      </c>
      <c r="D26" s="1" t="s">
        <v>43</v>
      </c>
      <c r="E26" s="1" t="s">
        <v>107</v>
      </c>
      <c r="G26" s="1" t="s">
        <v>136</v>
      </c>
      <c r="J26" s="1" t="s">
        <v>247</v>
      </c>
      <c r="N26" s="1" t="s">
        <v>33</v>
      </c>
      <c r="P26" s="1" t="s">
        <v>35</v>
      </c>
      <c r="Q26" s="1" t="s">
        <v>36</v>
      </c>
      <c r="S26" s="1" t="s">
        <v>62</v>
      </c>
      <c r="U26" s="1">
        <v>6.8</v>
      </c>
      <c r="V26" s="1"/>
      <c r="W26" s="1"/>
      <c r="X26" s="1">
        <v>0.22</v>
      </c>
      <c r="Y26" s="1">
        <v>2.4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06</v>
      </c>
      <c r="BD26" s="1">
        <v>0.11</v>
      </c>
      <c r="BE26" s="1"/>
      <c r="BF26" s="1"/>
      <c r="BG26" s="1"/>
      <c r="BH26" s="1"/>
      <c r="BI26" s="1"/>
      <c r="BJ26" s="1"/>
      <c r="BK26" s="1"/>
      <c r="BL26" s="1"/>
      <c r="BM26" s="1" t="s">
        <v>533</v>
      </c>
      <c r="BN26" s="1">
        <v>1.4E-2</v>
      </c>
      <c r="BO26" s="1"/>
      <c r="BP26" s="1"/>
      <c r="BQ26" s="1">
        <v>33.44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6458333333333335</v>
      </c>
      <c r="C27" s="1" t="s">
        <v>553</v>
      </c>
      <c r="D27" s="1" t="s">
        <v>43</v>
      </c>
      <c r="E27" s="1" t="s">
        <v>107</v>
      </c>
      <c r="J27" s="1" t="s">
        <v>283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43124999999999997</v>
      </c>
      <c r="C28" s="1" t="s">
        <v>476</v>
      </c>
      <c r="D28" s="1" t="s">
        <v>43</v>
      </c>
      <c r="E28" s="1" t="s">
        <v>70</v>
      </c>
      <c r="F28" s="1" t="s">
        <v>179</v>
      </c>
      <c r="G28" s="1" t="s">
        <v>280</v>
      </c>
      <c r="J28" s="1" t="s">
        <v>30</v>
      </c>
      <c r="K28" s="1" t="s">
        <v>381</v>
      </c>
      <c r="M28" s="1" t="s">
        <v>222</v>
      </c>
      <c r="N28" s="1" t="s">
        <v>33</v>
      </c>
      <c r="O28" s="1" t="s">
        <v>92</v>
      </c>
      <c r="P28" s="1" t="s">
        <v>35</v>
      </c>
      <c r="Q28" s="1" t="s">
        <v>36</v>
      </c>
      <c r="S28" s="1" t="s">
        <v>62</v>
      </c>
      <c r="U28" s="1">
        <v>8.9</v>
      </c>
      <c r="V28" s="1"/>
      <c r="W28" s="1"/>
      <c r="X28" s="1">
        <v>0.42</v>
      </c>
      <c r="Y28" s="1">
        <v>3.9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4</v>
      </c>
      <c r="BC28" s="1">
        <v>0.19</v>
      </c>
      <c r="BD28" s="1">
        <v>0.24</v>
      </c>
      <c r="BF28" s="1"/>
      <c r="BG28" s="1"/>
      <c r="BH28" s="1"/>
      <c r="BI28" s="1"/>
      <c r="BJ28" s="1"/>
      <c r="BK28" s="1"/>
      <c r="BL28" s="1"/>
      <c r="BM28" s="1">
        <v>0.04</v>
      </c>
      <c r="BN28" s="1">
        <v>2.5999999999999999E-2</v>
      </c>
      <c r="BO28" s="1"/>
      <c r="BP28" s="1"/>
      <c r="BQ28" s="1">
        <v>32.93</v>
      </c>
      <c r="BR28" s="1"/>
      <c r="BS28" s="1"/>
      <c r="BT28" s="1">
        <v>2</v>
      </c>
      <c r="BU28" s="1"/>
      <c r="BV28" s="1"/>
      <c r="BW28" s="1"/>
      <c r="BX28" s="1"/>
      <c r="BY28" s="1"/>
      <c r="BZ28" s="1"/>
    </row>
    <row r="29" spans="1:78" x14ac:dyDescent="0.15">
      <c r="B29" s="2">
        <v>0.43124999999999997</v>
      </c>
      <c r="C29" s="1" t="s">
        <v>478</v>
      </c>
      <c r="D29" s="1" t="s">
        <v>43</v>
      </c>
      <c r="E29" s="1" t="s">
        <v>70</v>
      </c>
      <c r="G29" s="1" t="s">
        <v>280</v>
      </c>
      <c r="J29" s="1" t="s">
        <v>382</v>
      </c>
      <c r="N29" s="1" t="s">
        <v>33</v>
      </c>
      <c r="P29" s="1" t="s">
        <v>35</v>
      </c>
      <c r="Q29" s="1" t="s">
        <v>36</v>
      </c>
      <c r="S29" s="1" t="s">
        <v>311</v>
      </c>
      <c r="U29" s="1">
        <v>8.6999999999999993</v>
      </c>
      <c r="V29" s="1"/>
      <c r="W29" s="1"/>
      <c r="X29" s="1">
        <v>0.43</v>
      </c>
      <c r="Y29" s="1">
        <v>3.9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4</v>
      </c>
      <c r="BC29" s="1">
        <v>0.18</v>
      </c>
      <c r="BD29" s="1">
        <v>0.23</v>
      </c>
      <c r="BF29" s="1"/>
      <c r="BG29" s="1"/>
      <c r="BH29" s="1"/>
      <c r="BI29" s="1"/>
      <c r="BJ29" s="1"/>
      <c r="BK29" s="1"/>
      <c r="BL29" s="1"/>
      <c r="BM29" s="1">
        <v>0.05</v>
      </c>
      <c r="BN29" s="1">
        <v>2.5000000000000001E-2</v>
      </c>
      <c r="BO29" s="1"/>
      <c r="BP29" s="1"/>
      <c r="BQ29" s="1">
        <v>32.99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3124999999999997</v>
      </c>
      <c r="C30" s="1" t="s">
        <v>553</v>
      </c>
      <c r="D30" s="1" t="s">
        <v>43</v>
      </c>
      <c r="E30" s="1" t="s">
        <v>70</v>
      </c>
      <c r="J30" s="1" t="s">
        <v>118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83</v>
      </c>
      <c r="B31" s="2">
        <v>0.46319444444444446</v>
      </c>
      <c r="C31" s="1" t="s">
        <v>476</v>
      </c>
      <c r="D31" s="1" t="s">
        <v>43</v>
      </c>
      <c r="E31" s="1" t="s">
        <v>477</v>
      </c>
      <c r="F31" s="1" t="s">
        <v>217</v>
      </c>
      <c r="G31" s="1" t="s">
        <v>384</v>
      </c>
      <c r="J31" s="1" t="s">
        <v>30</v>
      </c>
      <c r="K31" s="1" t="s">
        <v>381</v>
      </c>
      <c r="M31" s="1" t="s">
        <v>241</v>
      </c>
      <c r="N31" s="1" t="s">
        <v>33</v>
      </c>
      <c r="O31" s="1" t="s">
        <v>34</v>
      </c>
      <c r="P31" s="1" t="s">
        <v>35</v>
      </c>
      <c r="Q31" s="1" t="s">
        <v>84</v>
      </c>
      <c r="S31" s="1" t="s">
        <v>201</v>
      </c>
      <c r="U31" s="1">
        <v>9.1</v>
      </c>
      <c r="V31" s="1" t="s">
        <v>515</v>
      </c>
      <c r="W31" s="1" t="s">
        <v>508</v>
      </c>
      <c r="X31" s="1">
        <v>0.42</v>
      </c>
      <c r="Y31" s="1">
        <v>2.5000000000000001E-2</v>
      </c>
      <c r="Z31" s="1">
        <v>1.2999999999999999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0.22</v>
      </c>
      <c r="BD31" s="1">
        <v>0.27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8.9999999999999993E-3</v>
      </c>
      <c r="BO31" s="1"/>
      <c r="BP31" s="1"/>
      <c r="BQ31" s="1">
        <v>32.81</v>
      </c>
      <c r="BR31" s="1"/>
      <c r="BS31" s="1"/>
      <c r="BT31" s="1">
        <v>2.1</v>
      </c>
      <c r="BU31" s="1"/>
      <c r="BV31" s="1"/>
      <c r="BW31" s="1"/>
      <c r="BX31" s="1"/>
      <c r="BY31" s="1"/>
      <c r="BZ31" s="1"/>
    </row>
    <row r="32" spans="1:78" x14ac:dyDescent="0.15">
      <c r="B32" s="2">
        <v>0.46319444444444446</v>
      </c>
      <c r="C32" s="1" t="s">
        <v>478</v>
      </c>
      <c r="D32" s="1" t="s">
        <v>43</v>
      </c>
      <c r="E32" s="1" t="s">
        <v>477</v>
      </c>
      <c r="G32" s="1" t="s">
        <v>129</v>
      </c>
      <c r="J32" s="1" t="s">
        <v>382</v>
      </c>
      <c r="N32" s="1" t="s">
        <v>33</v>
      </c>
      <c r="P32" s="1" t="s">
        <v>35</v>
      </c>
      <c r="Q32" s="1" t="s">
        <v>84</v>
      </c>
      <c r="S32" s="1" t="s">
        <v>286</v>
      </c>
      <c r="U32" s="1">
        <v>8.6999999999999993</v>
      </c>
      <c r="V32" s="1"/>
      <c r="W32" s="1"/>
      <c r="X32" s="1">
        <v>0.33</v>
      </c>
      <c r="Y32" s="1">
        <v>2.3E-2</v>
      </c>
      <c r="Z32" s="1">
        <v>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17</v>
      </c>
      <c r="BD32" s="1">
        <v>0.22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0.01</v>
      </c>
      <c r="BO32" s="1"/>
      <c r="BP32" s="1"/>
      <c r="BQ32" s="1">
        <v>33.22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6319444444444446</v>
      </c>
      <c r="C33" s="1" t="s">
        <v>553</v>
      </c>
      <c r="D33" s="1" t="s">
        <v>43</v>
      </c>
      <c r="E33" s="1" t="s">
        <v>477</v>
      </c>
      <c r="J33" s="1" t="s">
        <v>118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42152777777777778</v>
      </c>
      <c r="C34" s="1" t="s">
        <v>476</v>
      </c>
      <c r="D34" s="1" t="s">
        <v>43</v>
      </c>
      <c r="E34" s="1" t="s">
        <v>477</v>
      </c>
      <c r="F34" s="1" t="s">
        <v>79</v>
      </c>
      <c r="G34" s="1" t="s">
        <v>209</v>
      </c>
      <c r="J34" s="1" t="s">
        <v>30</v>
      </c>
      <c r="K34" s="1" t="s">
        <v>153</v>
      </c>
      <c r="M34" s="1" t="s">
        <v>80</v>
      </c>
      <c r="N34" s="1" t="s">
        <v>33</v>
      </c>
      <c r="O34" s="1" t="s">
        <v>92</v>
      </c>
      <c r="P34" s="1" t="s">
        <v>35</v>
      </c>
      <c r="Q34" s="1" t="s">
        <v>84</v>
      </c>
      <c r="S34" s="1" t="s">
        <v>170</v>
      </c>
      <c r="U34" s="1">
        <v>10</v>
      </c>
      <c r="V34" s="1"/>
      <c r="W34" s="1"/>
      <c r="X34" s="1">
        <v>0.43</v>
      </c>
      <c r="Y34" s="1">
        <v>0.0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0.24</v>
      </c>
      <c r="BD34" s="1">
        <v>0.28999999999999998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7.0000000000000001E-3</v>
      </c>
      <c r="BO34" s="1"/>
      <c r="BP34" s="1"/>
      <c r="BQ34" s="1">
        <v>32.549999999999997</v>
      </c>
      <c r="BR34" s="1"/>
      <c r="BS34" s="1"/>
      <c r="BT34" s="1">
        <v>2.7</v>
      </c>
      <c r="BU34" s="1"/>
      <c r="BV34" s="1"/>
      <c r="BW34" s="1"/>
      <c r="BX34" s="1"/>
      <c r="BY34" s="1"/>
      <c r="BZ34" s="1"/>
    </row>
    <row r="35" spans="1:78" x14ac:dyDescent="0.15">
      <c r="B35" s="2">
        <v>0.42152777777777778</v>
      </c>
      <c r="C35" s="1" t="s">
        <v>478</v>
      </c>
      <c r="D35" s="1" t="s">
        <v>43</v>
      </c>
      <c r="E35" s="1" t="s">
        <v>477</v>
      </c>
      <c r="G35" s="1" t="s">
        <v>178</v>
      </c>
      <c r="J35" s="1" t="s">
        <v>71</v>
      </c>
      <c r="N35" s="1" t="s">
        <v>33</v>
      </c>
      <c r="P35" s="1" t="s">
        <v>35</v>
      </c>
      <c r="Q35" s="1" t="s">
        <v>84</v>
      </c>
      <c r="S35" s="1" t="s">
        <v>286</v>
      </c>
      <c r="U35" s="1">
        <v>8.4</v>
      </c>
      <c r="V35" s="1"/>
      <c r="W35" s="1"/>
      <c r="X35" s="1">
        <v>0.33</v>
      </c>
      <c r="Y35" s="1">
        <v>2.5999999999999999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18</v>
      </c>
      <c r="BD35" s="1">
        <v>0.23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1.0999999999999999E-2</v>
      </c>
      <c r="BO35" s="1"/>
      <c r="BP35" s="1"/>
      <c r="BQ35" s="1">
        <v>33.61999999999999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2152777777777778</v>
      </c>
      <c r="C36" s="1" t="s">
        <v>553</v>
      </c>
      <c r="D36" s="1" t="s">
        <v>43</v>
      </c>
      <c r="E36" s="1" t="s">
        <v>477</v>
      </c>
      <c r="J36" s="1" t="s">
        <v>31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1" spans="21:21" x14ac:dyDescent="0.15">
      <c r="U1481" s="1"/>
    </row>
    <row r="1482" spans="21:21" x14ac:dyDescent="0.15">
      <c r="U1482" s="1"/>
    </row>
    <row r="1483" spans="21:21" x14ac:dyDescent="0.15">
      <c r="U1483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3" spans="21:21" x14ac:dyDescent="0.15">
      <c r="U1493" s="1"/>
    </row>
    <row r="1494" spans="21:21" x14ac:dyDescent="0.15">
      <c r="U1494" s="1"/>
    </row>
    <row r="1495" spans="21:21" x14ac:dyDescent="0.15">
      <c r="U1495" s="1"/>
    </row>
    <row r="1496" spans="21:21" x14ac:dyDescent="0.15">
      <c r="U1496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0" spans="21:21" x14ac:dyDescent="0.15">
      <c r="U1500" s="1"/>
    </row>
    <row r="1501" spans="21:21" x14ac:dyDescent="0.15">
      <c r="U1501" s="1"/>
    </row>
    <row r="1502" spans="21:21" x14ac:dyDescent="0.15">
      <c r="U1502" s="1"/>
    </row>
    <row r="1503" spans="21:21" x14ac:dyDescent="0.15">
      <c r="U1503" s="1"/>
    </row>
    <row r="1504" spans="21:21" x14ac:dyDescent="0.15">
      <c r="U1504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  <row r="1512" spans="21:21" x14ac:dyDescent="0.15">
      <c r="U1512" s="1"/>
    </row>
    <row r="1513" spans="21:21" x14ac:dyDescent="0.15">
      <c r="U1513" s="1"/>
    </row>
    <row r="1514" spans="21:21" x14ac:dyDescent="0.15">
      <c r="U1514" s="1"/>
    </row>
    <row r="1515" spans="21:21" x14ac:dyDescent="0.15">
      <c r="U1515" s="1"/>
    </row>
    <row r="1516" spans="21:21" x14ac:dyDescent="0.15">
      <c r="U1516" s="1"/>
    </row>
    <row r="1517" spans="21:21" x14ac:dyDescent="0.15">
      <c r="U1517" s="1"/>
    </row>
    <row r="1518" spans="21:21" x14ac:dyDescent="0.15">
      <c r="U1518" s="1"/>
    </row>
    <row r="1519" spans="21:21" x14ac:dyDescent="0.15">
      <c r="U1519" s="1"/>
    </row>
    <row r="1520" spans="21:21" x14ac:dyDescent="0.15">
      <c r="U1520" s="1"/>
    </row>
    <row r="1521" spans="21:21" x14ac:dyDescent="0.15">
      <c r="U1521" s="1"/>
    </row>
    <row r="1522" spans="21:21" x14ac:dyDescent="0.15">
      <c r="U1522" s="1"/>
    </row>
    <row r="1523" spans="21:21" x14ac:dyDescent="0.15">
      <c r="U1523" s="1"/>
    </row>
    <row r="1524" spans="21:21" x14ac:dyDescent="0.15">
      <c r="U1524" s="1"/>
    </row>
    <row r="1525" spans="21:21" x14ac:dyDescent="0.15">
      <c r="U1525" s="1"/>
    </row>
    <row r="1526" spans="21:21" x14ac:dyDescent="0.15">
      <c r="U1526" s="1"/>
    </row>
    <row r="1527" spans="21:21" x14ac:dyDescent="0.15">
      <c r="U1527" s="1"/>
    </row>
    <row r="1528" spans="21:21" x14ac:dyDescent="0.15">
      <c r="U1528" s="1"/>
    </row>
    <row r="1529" spans="21:21" x14ac:dyDescent="0.15">
      <c r="U1529" s="1"/>
    </row>
    <row r="1530" spans="21:21" x14ac:dyDescent="0.15">
      <c r="U1530" s="1"/>
    </row>
    <row r="1531" spans="21:21" x14ac:dyDescent="0.15">
      <c r="U1531" s="1"/>
    </row>
    <row r="1532" spans="21:21" x14ac:dyDescent="0.15">
      <c r="U1532" s="1"/>
    </row>
    <row r="1533" spans="21:21" x14ac:dyDescent="0.15">
      <c r="U1533" s="1"/>
    </row>
    <row r="1534" spans="21:21" x14ac:dyDescent="0.15">
      <c r="U1534" s="1"/>
    </row>
    <row r="1535" spans="21:21" x14ac:dyDescent="0.15">
      <c r="U1535" s="1"/>
    </row>
    <row r="1536" spans="21:21" x14ac:dyDescent="0.15">
      <c r="U1536" s="1"/>
    </row>
    <row r="1537" spans="21:21" x14ac:dyDescent="0.15">
      <c r="U1537" s="1"/>
    </row>
    <row r="1538" spans="21:21" x14ac:dyDescent="0.15">
      <c r="U1538" s="1"/>
    </row>
    <row r="1539" spans="21:21" x14ac:dyDescent="0.15">
      <c r="U1539" s="1"/>
    </row>
    <row r="1540" spans="21:21" x14ac:dyDescent="0.15">
      <c r="U1540" s="1"/>
    </row>
    <row r="1541" spans="21:21" x14ac:dyDescent="0.15">
      <c r="U1541" s="1"/>
    </row>
    <row r="1542" spans="21:21" x14ac:dyDescent="0.15">
      <c r="U1542" s="1"/>
    </row>
    <row r="1547" spans="21:21" x14ac:dyDescent="0.15">
      <c r="U1547" s="1"/>
    </row>
    <row r="1548" spans="21:21" x14ac:dyDescent="0.15">
      <c r="U1548" s="1"/>
    </row>
    <row r="1549" spans="21:21" x14ac:dyDescent="0.15">
      <c r="U1549" s="1"/>
    </row>
    <row r="1550" spans="21:21" x14ac:dyDescent="0.15">
      <c r="U1550" s="1"/>
    </row>
    <row r="1551" spans="21:21" x14ac:dyDescent="0.15">
      <c r="U1551" s="1"/>
    </row>
    <row r="1552" spans="21:21" x14ac:dyDescent="0.15">
      <c r="U1552" s="1"/>
    </row>
    <row r="1553" spans="21:21" x14ac:dyDescent="0.15">
      <c r="U1553" s="1"/>
    </row>
    <row r="1554" spans="21:21" x14ac:dyDescent="0.15">
      <c r="U1554" s="1"/>
    </row>
    <row r="1555" spans="21:21" x14ac:dyDescent="0.15">
      <c r="U1555" s="1"/>
    </row>
    <row r="1556" spans="21:21" x14ac:dyDescent="0.15">
      <c r="U1556" s="1"/>
    </row>
    <row r="1557" spans="21:21" x14ac:dyDescent="0.15">
      <c r="U1557" s="1"/>
    </row>
    <row r="1558" spans="21:21" x14ac:dyDescent="0.15">
      <c r="U1558" s="1"/>
    </row>
    <row r="1559" spans="21:21" x14ac:dyDescent="0.15">
      <c r="U1559" s="1"/>
    </row>
    <row r="1560" spans="21:21" x14ac:dyDescent="0.15">
      <c r="U1560" s="1"/>
    </row>
    <row r="1561" spans="21:21" x14ac:dyDescent="0.15">
      <c r="U1561" s="1"/>
    </row>
    <row r="1562" spans="21:21" x14ac:dyDescent="0.15">
      <c r="U1562" s="1"/>
    </row>
    <row r="1563" spans="21:21" x14ac:dyDescent="0.15">
      <c r="U1563" s="1"/>
    </row>
    <row r="1564" spans="21:21" x14ac:dyDescent="0.15">
      <c r="U1564" s="1"/>
    </row>
    <row r="1565" spans="21:21" x14ac:dyDescent="0.15">
      <c r="U1565" s="1"/>
    </row>
    <row r="1566" spans="21:21" x14ac:dyDescent="0.15">
      <c r="U1566" s="1"/>
    </row>
    <row r="1567" spans="21:21" x14ac:dyDescent="0.15">
      <c r="U1567" s="1"/>
    </row>
    <row r="1568" spans="21:21" x14ac:dyDescent="0.15">
      <c r="U1568" s="1"/>
    </row>
    <row r="1569" spans="21:21" x14ac:dyDescent="0.15">
      <c r="U1569" s="1"/>
    </row>
    <row r="1570" spans="21:21" x14ac:dyDescent="0.15">
      <c r="U1570" s="1"/>
    </row>
    <row r="1571" spans="21:21" x14ac:dyDescent="0.15">
      <c r="U1571" s="1"/>
    </row>
    <row r="1572" spans="21:21" x14ac:dyDescent="0.15">
      <c r="U1572" s="1"/>
    </row>
    <row r="1573" spans="21:21" x14ac:dyDescent="0.15">
      <c r="U1573" s="1"/>
    </row>
    <row r="1574" spans="21:21" x14ac:dyDescent="0.15">
      <c r="U1574" s="1"/>
    </row>
    <row r="1575" spans="21:21" x14ac:dyDescent="0.15">
      <c r="U1575" s="1"/>
    </row>
    <row r="1576" spans="21:21" x14ac:dyDescent="0.15">
      <c r="U1576" s="1"/>
    </row>
    <row r="1577" spans="21:21" x14ac:dyDescent="0.15">
      <c r="U1577" s="1"/>
    </row>
    <row r="1578" spans="21:21" x14ac:dyDescent="0.15">
      <c r="U1578" s="1"/>
    </row>
    <row r="1579" spans="21:21" x14ac:dyDescent="0.15">
      <c r="U1579" s="1"/>
    </row>
    <row r="1580" spans="21:21" x14ac:dyDescent="0.15">
      <c r="U1580" s="1"/>
    </row>
    <row r="1585" spans="21:21" x14ac:dyDescent="0.15">
      <c r="U1585" s="1"/>
    </row>
    <row r="1586" spans="21:21" x14ac:dyDescent="0.15">
      <c r="U1586" s="1"/>
    </row>
    <row r="1587" spans="21:21" x14ac:dyDescent="0.15">
      <c r="U1587" s="1"/>
    </row>
    <row r="1588" spans="21:21" x14ac:dyDescent="0.15">
      <c r="U1588" s="1"/>
    </row>
    <row r="1589" spans="21:21" x14ac:dyDescent="0.15">
      <c r="U1589" s="1"/>
    </row>
    <row r="1590" spans="21:21" x14ac:dyDescent="0.15">
      <c r="U1590" s="1"/>
    </row>
    <row r="1591" spans="21:21" x14ac:dyDescent="0.15">
      <c r="U1591" s="1"/>
    </row>
    <row r="1592" spans="21:21" x14ac:dyDescent="0.15">
      <c r="U1592" s="1"/>
    </row>
    <row r="1593" spans="21:21" x14ac:dyDescent="0.15">
      <c r="U1593" s="1"/>
    </row>
    <row r="1594" spans="21:21" x14ac:dyDescent="0.15">
      <c r="U1594" s="1"/>
    </row>
    <row r="1595" spans="21:21" x14ac:dyDescent="0.15">
      <c r="U1595" s="1"/>
    </row>
    <row r="1596" spans="21:21" x14ac:dyDescent="0.15">
      <c r="U1596" s="1"/>
    </row>
    <row r="1597" spans="21:21" x14ac:dyDescent="0.15">
      <c r="U1597" s="1"/>
    </row>
    <row r="1598" spans="21:21" x14ac:dyDescent="0.15">
      <c r="U1598" s="1"/>
    </row>
    <row r="1599" spans="21:21" x14ac:dyDescent="0.15">
      <c r="U1599" s="1"/>
    </row>
    <row r="1600" spans="21:21" x14ac:dyDescent="0.15">
      <c r="U1600" s="1"/>
    </row>
    <row r="1601" spans="21:21" x14ac:dyDescent="0.15">
      <c r="U1601" s="1"/>
    </row>
    <row r="1602" spans="21:21" x14ac:dyDescent="0.15">
      <c r="U1602" s="1"/>
    </row>
    <row r="1603" spans="21:21" x14ac:dyDescent="0.15">
      <c r="U1603" s="1"/>
    </row>
    <row r="1604" spans="21:21" x14ac:dyDescent="0.15">
      <c r="U1604" s="1"/>
    </row>
    <row r="1605" spans="21:21" x14ac:dyDescent="0.15">
      <c r="U1605" s="1"/>
    </row>
    <row r="1606" spans="21:21" x14ac:dyDescent="0.15">
      <c r="U1606" s="1"/>
    </row>
    <row r="1607" spans="21:21" x14ac:dyDescent="0.15">
      <c r="U1607" s="1"/>
    </row>
    <row r="1608" spans="21:21" x14ac:dyDescent="0.15">
      <c r="U1608" s="1"/>
    </row>
    <row r="1609" spans="21:21" x14ac:dyDescent="0.15">
      <c r="U1609" s="1"/>
    </row>
    <row r="1610" spans="21:21" x14ac:dyDescent="0.15">
      <c r="U1610" s="1"/>
    </row>
    <row r="1611" spans="21:21" x14ac:dyDescent="0.15">
      <c r="U1611" s="1"/>
    </row>
    <row r="1612" spans="21:21" x14ac:dyDescent="0.15">
      <c r="U1612" s="1"/>
    </row>
    <row r="1613" spans="21:21" x14ac:dyDescent="0.15">
      <c r="U1613" s="1"/>
    </row>
    <row r="1614" spans="21:21" x14ac:dyDescent="0.15">
      <c r="U1614" s="1"/>
    </row>
    <row r="1615" spans="21:21" x14ac:dyDescent="0.15">
      <c r="U1615" s="1"/>
    </row>
    <row r="1616" spans="21:21" x14ac:dyDescent="0.15">
      <c r="U1616" s="1"/>
    </row>
    <row r="1617" spans="21:21" x14ac:dyDescent="0.15">
      <c r="U1617" s="1"/>
    </row>
    <row r="1618" spans="21:21" x14ac:dyDescent="0.15">
      <c r="U1618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66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79</v>
      </c>
      <c r="E1" s="1" t="s">
        <v>2</v>
      </c>
      <c r="F1" s="1" t="s">
        <v>467</v>
      </c>
      <c r="G1" s="1" t="s">
        <v>3</v>
      </c>
      <c r="H1" s="1" t="s">
        <v>46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52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43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236111111111111</v>
      </c>
      <c r="C4" s="1" t="s">
        <v>476</v>
      </c>
      <c r="D4" s="1" t="s">
        <v>27</v>
      </c>
      <c r="E4" s="1" t="s">
        <v>477</v>
      </c>
      <c r="F4" s="1" t="s">
        <v>134</v>
      </c>
      <c r="G4" s="1" t="s">
        <v>135</v>
      </c>
      <c r="J4" s="1" t="s">
        <v>30</v>
      </c>
      <c r="K4" s="1" t="s">
        <v>136</v>
      </c>
      <c r="M4" s="1" t="s">
        <v>91</v>
      </c>
      <c r="N4" s="1" t="s">
        <v>33</v>
      </c>
      <c r="O4" s="1" t="s">
        <v>34</v>
      </c>
      <c r="P4" s="1" t="s">
        <v>35</v>
      </c>
      <c r="Q4" s="1" t="s">
        <v>36</v>
      </c>
      <c r="S4" s="1" t="s">
        <v>137</v>
      </c>
      <c r="U4" s="1">
        <v>8</v>
      </c>
      <c r="V4" s="3">
        <v>5</v>
      </c>
      <c r="W4" s="1" t="s">
        <v>508</v>
      </c>
      <c r="X4" s="1">
        <v>0.97</v>
      </c>
      <c r="Y4" s="1">
        <v>4.5999999999999999E-2</v>
      </c>
      <c r="Z4" s="1">
        <v>2E-3</v>
      </c>
      <c r="AA4" s="1" t="s">
        <v>554</v>
      </c>
      <c r="AB4" s="1" t="s">
        <v>526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0.3</v>
      </c>
      <c r="BD4" s="1">
        <v>0.35</v>
      </c>
      <c r="BE4" s="1"/>
      <c r="BF4" s="1"/>
      <c r="BG4" s="1"/>
      <c r="BH4" s="1"/>
      <c r="BI4" s="1"/>
      <c r="BJ4" s="1"/>
      <c r="BK4" s="1"/>
      <c r="BL4" s="1"/>
      <c r="BM4" s="1">
        <v>0.15</v>
      </c>
      <c r="BN4" s="1">
        <v>1.7999999999999999E-2</v>
      </c>
      <c r="BO4" s="1"/>
      <c r="BP4" s="1"/>
      <c r="BQ4" s="1">
        <v>31.6</v>
      </c>
      <c r="BR4" s="1"/>
      <c r="BS4" s="1"/>
      <c r="BT4" s="1">
        <v>9.6999999999999993</v>
      </c>
      <c r="BU4" s="1"/>
      <c r="BV4" s="1"/>
      <c r="BW4" s="1"/>
      <c r="BX4" s="1"/>
      <c r="BY4" s="1"/>
      <c r="BZ4" s="1"/>
    </row>
    <row r="5" spans="1:78" x14ac:dyDescent="0.15">
      <c r="B5" s="2">
        <v>0.4236111111111111</v>
      </c>
      <c r="C5" s="1" t="s">
        <v>478</v>
      </c>
      <c r="D5" s="1" t="s">
        <v>27</v>
      </c>
      <c r="E5" s="1" t="s">
        <v>477</v>
      </c>
      <c r="G5" s="1" t="s">
        <v>38</v>
      </c>
      <c r="J5" s="1" t="s">
        <v>138</v>
      </c>
      <c r="N5" s="1" t="s">
        <v>33</v>
      </c>
      <c r="P5" s="1" t="s">
        <v>35</v>
      </c>
      <c r="Q5" s="1" t="s">
        <v>40</v>
      </c>
      <c r="S5" s="1" t="s">
        <v>111</v>
      </c>
      <c r="U5" s="1">
        <v>6.8</v>
      </c>
      <c r="V5" s="1"/>
      <c r="W5" s="1"/>
      <c r="X5" s="1">
        <v>0.67</v>
      </c>
      <c r="Y5" s="1">
        <v>5.6000000000000001E-2</v>
      </c>
      <c r="Z5" s="1">
        <v>3.0000000000000001E-3</v>
      </c>
      <c r="AA5" s="1" t="s">
        <v>554</v>
      </c>
      <c r="AB5" s="1" t="s">
        <v>52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2</v>
      </c>
      <c r="BD5" s="1">
        <v>0.25</v>
      </c>
      <c r="BE5" s="1"/>
      <c r="BF5" s="1"/>
      <c r="BG5" s="1"/>
      <c r="BH5" s="1"/>
      <c r="BI5" s="1"/>
      <c r="BJ5" s="1"/>
      <c r="BK5" s="1"/>
      <c r="BL5" s="1"/>
      <c r="BM5" s="1">
        <v>0.12</v>
      </c>
      <c r="BN5" s="1">
        <v>2.5999999999999999E-2</v>
      </c>
      <c r="BO5" s="1"/>
      <c r="BP5" s="1"/>
      <c r="BQ5" s="1">
        <v>32.76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38541666666666669</v>
      </c>
      <c r="C6" s="1" t="s">
        <v>476</v>
      </c>
      <c r="D6" s="1" t="s">
        <v>43</v>
      </c>
      <c r="E6" s="1" t="s">
        <v>44</v>
      </c>
      <c r="F6" s="1" t="s">
        <v>139</v>
      </c>
      <c r="G6" s="1" t="s">
        <v>140</v>
      </c>
      <c r="J6" s="1" t="s">
        <v>30</v>
      </c>
      <c r="K6" s="1" t="s">
        <v>48</v>
      </c>
      <c r="M6" s="1" t="s">
        <v>91</v>
      </c>
      <c r="N6" s="1" t="s">
        <v>33</v>
      </c>
      <c r="O6" s="1" t="s">
        <v>34</v>
      </c>
      <c r="P6" s="1" t="s">
        <v>35</v>
      </c>
      <c r="Q6" s="1" t="s">
        <v>84</v>
      </c>
      <c r="S6" s="1" t="s">
        <v>141</v>
      </c>
      <c r="U6" s="1">
        <v>7.7</v>
      </c>
      <c r="V6" s="3">
        <v>11000</v>
      </c>
      <c r="W6" s="1" t="s">
        <v>508</v>
      </c>
      <c r="X6" s="1">
        <v>1.5</v>
      </c>
      <c r="Y6" s="1">
        <v>0.11</v>
      </c>
      <c r="Z6" s="1">
        <v>3.0000000000000001E-3</v>
      </c>
      <c r="AA6" s="1" t="s">
        <v>554</v>
      </c>
      <c r="AB6" s="1" t="s">
        <v>526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5</v>
      </c>
      <c r="BC6" s="1">
        <v>0.63</v>
      </c>
      <c r="BD6" s="1">
        <v>0.68</v>
      </c>
      <c r="BE6" s="1"/>
      <c r="BF6" s="1"/>
      <c r="BG6" s="1"/>
      <c r="BH6" s="1"/>
      <c r="BI6" s="1"/>
      <c r="BJ6" s="1"/>
      <c r="BK6" s="1"/>
      <c r="BL6" s="1"/>
      <c r="BM6" s="1">
        <v>0.3</v>
      </c>
      <c r="BN6" s="1">
        <v>7.2999999999999995E-2</v>
      </c>
      <c r="BO6" s="1"/>
      <c r="BP6" s="1"/>
      <c r="BQ6" s="1">
        <v>25.55</v>
      </c>
      <c r="BR6" s="1"/>
      <c r="BS6" s="1"/>
      <c r="BT6" s="1">
        <v>13</v>
      </c>
      <c r="BU6" s="1"/>
      <c r="BV6" s="1"/>
      <c r="BW6" s="1"/>
      <c r="BX6" s="1"/>
      <c r="BY6" s="1"/>
      <c r="BZ6" s="1"/>
    </row>
    <row r="7" spans="1:78" x14ac:dyDescent="0.15">
      <c r="B7" s="2">
        <v>0.38541666666666669</v>
      </c>
      <c r="C7" s="1" t="s">
        <v>478</v>
      </c>
      <c r="D7" s="1" t="s">
        <v>43</v>
      </c>
      <c r="E7" s="1" t="s">
        <v>44</v>
      </c>
      <c r="G7" s="1" t="s">
        <v>142</v>
      </c>
      <c r="J7" s="1" t="s">
        <v>143</v>
      </c>
      <c r="N7" s="1" t="s">
        <v>33</v>
      </c>
      <c r="P7" s="1" t="s">
        <v>35</v>
      </c>
      <c r="Q7" s="1" t="s">
        <v>36</v>
      </c>
      <c r="S7" s="1" t="s">
        <v>32</v>
      </c>
      <c r="U7" s="1">
        <v>6.2</v>
      </c>
      <c r="V7" s="1"/>
      <c r="W7" s="1"/>
      <c r="X7" s="1">
        <v>0.49</v>
      </c>
      <c r="Y7" s="1">
        <v>6.8000000000000005E-2</v>
      </c>
      <c r="Z7" s="1">
        <v>2E-3</v>
      </c>
      <c r="AA7" s="1" t="s">
        <v>554</v>
      </c>
      <c r="AB7" s="1" t="s">
        <v>52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15</v>
      </c>
      <c r="BD7" s="1">
        <v>0.2</v>
      </c>
      <c r="BE7" s="1"/>
      <c r="BF7" s="1"/>
      <c r="BG7" s="1"/>
      <c r="BH7" s="1"/>
      <c r="BI7" s="1"/>
      <c r="BJ7" s="1"/>
      <c r="BK7" s="1"/>
      <c r="BL7" s="1"/>
      <c r="BM7" s="1">
        <v>7.0000000000000007E-2</v>
      </c>
      <c r="BN7" s="1">
        <v>2.5999999999999999E-2</v>
      </c>
      <c r="BO7" s="1"/>
      <c r="BP7" s="1"/>
      <c r="BQ7" s="1">
        <v>33.34000000000000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8750000000000001</v>
      </c>
      <c r="C8" s="1" t="s">
        <v>476</v>
      </c>
      <c r="D8" s="1" t="s">
        <v>51</v>
      </c>
      <c r="E8" s="1" t="s">
        <v>477</v>
      </c>
      <c r="F8" s="1" t="s">
        <v>144</v>
      </c>
      <c r="G8" s="1" t="s">
        <v>145</v>
      </c>
      <c r="J8" s="1" t="s">
        <v>30</v>
      </c>
      <c r="K8" s="1" t="s">
        <v>56</v>
      </c>
      <c r="M8" s="1" t="s">
        <v>32</v>
      </c>
      <c r="N8" s="1" t="s">
        <v>33</v>
      </c>
      <c r="O8" s="1" t="s">
        <v>34</v>
      </c>
      <c r="P8" s="1" t="s">
        <v>35</v>
      </c>
      <c r="Q8" s="1" t="s">
        <v>146</v>
      </c>
      <c r="S8" s="1" t="s">
        <v>96</v>
      </c>
      <c r="U8" s="1">
        <v>7.4</v>
      </c>
      <c r="V8" s="3">
        <v>46</v>
      </c>
      <c r="W8" s="1" t="s">
        <v>508</v>
      </c>
      <c r="X8" s="1">
        <v>1.2</v>
      </c>
      <c r="Y8" s="1">
        <v>0.11</v>
      </c>
      <c r="Z8" s="1">
        <v>3.0000000000000001E-3</v>
      </c>
      <c r="AA8" s="1" t="s">
        <v>554</v>
      </c>
      <c r="AB8" s="1" t="s">
        <v>52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17</v>
      </c>
      <c r="BD8" s="1">
        <v>0.22</v>
      </c>
      <c r="BE8" s="1"/>
      <c r="BF8" s="1"/>
      <c r="BG8" s="1"/>
      <c r="BH8" s="1"/>
      <c r="BI8" s="1"/>
      <c r="BJ8" s="1"/>
      <c r="BK8" s="1"/>
      <c r="BL8" s="1"/>
      <c r="BM8" s="1">
        <v>0.15</v>
      </c>
      <c r="BN8" s="1">
        <v>2.1999999999999999E-2</v>
      </c>
      <c r="BO8" s="1"/>
      <c r="BP8" s="1"/>
      <c r="BQ8" s="1">
        <v>29.44</v>
      </c>
      <c r="BR8" s="1"/>
      <c r="BS8" s="1"/>
      <c r="BT8" s="1">
        <v>18</v>
      </c>
      <c r="BU8" s="1"/>
      <c r="BV8" s="1"/>
      <c r="BW8" s="1"/>
      <c r="BX8" s="1"/>
      <c r="BY8" s="1"/>
      <c r="BZ8" s="1"/>
    </row>
    <row r="9" spans="1:78" x14ac:dyDescent="0.15">
      <c r="B9" s="2">
        <v>0.38750000000000001</v>
      </c>
      <c r="C9" s="1" t="s">
        <v>478</v>
      </c>
      <c r="D9" s="1" t="s">
        <v>51</v>
      </c>
      <c r="E9" s="1" t="s">
        <v>477</v>
      </c>
      <c r="G9" s="1" t="s">
        <v>56</v>
      </c>
      <c r="J9" s="1" t="s">
        <v>147</v>
      </c>
      <c r="N9" s="1" t="s">
        <v>33</v>
      </c>
      <c r="P9" s="1" t="s">
        <v>35</v>
      </c>
      <c r="Q9" s="1" t="s">
        <v>148</v>
      </c>
      <c r="S9" s="1" t="s">
        <v>149</v>
      </c>
      <c r="U9" s="1">
        <v>1.1000000000000001</v>
      </c>
      <c r="V9" s="1"/>
      <c r="W9" s="1"/>
      <c r="X9" s="1">
        <v>0.73</v>
      </c>
      <c r="Y9" s="1">
        <v>9.6000000000000002E-2</v>
      </c>
      <c r="Z9" s="1">
        <v>3.0000000000000001E-3</v>
      </c>
      <c r="AA9" s="1" t="s">
        <v>554</v>
      </c>
      <c r="AB9" s="1" t="s">
        <v>52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0.16</v>
      </c>
      <c r="BD9" s="1">
        <v>0.21</v>
      </c>
      <c r="BE9" s="1"/>
      <c r="BF9" s="1"/>
      <c r="BG9" s="1"/>
      <c r="BH9" s="1"/>
      <c r="BI9" s="1"/>
      <c r="BJ9" s="1"/>
      <c r="BK9" s="1"/>
      <c r="BL9" s="1"/>
      <c r="BM9" s="1">
        <v>0.25</v>
      </c>
      <c r="BN9" s="1">
        <v>7.5999999999999998E-2</v>
      </c>
      <c r="BO9" s="1"/>
      <c r="BP9" s="1"/>
      <c r="BQ9" s="1">
        <v>33.35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2708333333333331</v>
      </c>
      <c r="C10" s="1" t="s">
        <v>476</v>
      </c>
      <c r="D10" s="1" t="s">
        <v>27</v>
      </c>
      <c r="E10" s="1" t="s">
        <v>477</v>
      </c>
      <c r="F10" s="1" t="s">
        <v>150</v>
      </c>
      <c r="G10" s="1" t="s">
        <v>151</v>
      </c>
      <c r="J10" s="1" t="s">
        <v>30</v>
      </c>
      <c r="K10" s="1" t="s">
        <v>56</v>
      </c>
      <c r="M10" s="1" t="s">
        <v>114</v>
      </c>
      <c r="N10" s="1" t="s">
        <v>33</v>
      </c>
      <c r="O10" s="1" t="s">
        <v>34</v>
      </c>
      <c r="P10" s="1" t="s">
        <v>35</v>
      </c>
      <c r="Q10" s="1" t="s">
        <v>55</v>
      </c>
      <c r="S10" s="1" t="s">
        <v>130</v>
      </c>
      <c r="U10" s="1">
        <v>9.1</v>
      </c>
      <c r="V10" s="3">
        <v>79</v>
      </c>
      <c r="W10" s="1" t="s">
        <v>508</v>
      </c>
      <c r="X10" s="1">
        <v>0.99</v>
      </c>
      <c r="Y10" s="1">
        <v>0.08</v>
      </c>
      <c r="Z10" s="1">
        <v>3.0000000000000001E-3</v>
      </c>
      <c r="AA10" s="1" t="s">
        <v>554</v>
      </c>
      <c r="AB10" s="1" t="s">
        <v>52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>
        <v>0.05</v>
      </c>
      <c r="BD10" s="1">
        <v>0.1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1E-3</v>
      </c>
      <c r="BO10" s="1"/>
      <c r="BP10" s="1"/>
      <c r="BQ10" s="1">
        <v>30.42</v>
      </c>
      <c r="BR10" s="1"/>
      <c r="BS10" s="1"/>
      <c r="BT10" s="1">
        <v>34</v>
      </c>
      <c r="BU10" s="1"/>
      <c r="BV10" s="1"/>
      <c r="BW10" s="1"/>
      <c r="BX10" s="1"/>
      <c r="BY10" s="1"/>
      <c r="BZ10" s="1"/>
    </row>
    <row r="11" spans="1:78" x14ac:dyDescent="0.15">
      <c r="B11" s="2">
        <v>0.42708333333333331</v>
      </c>
      <c r="C11" s="1" t="s">
        <v>478</v>
      </c>
      <c r="D11" s="1" t="s">
        <v>27</v>
      </c>
      <c r="E11" s="1" t="s">
        <v>477</v>
      </c>
      <c r="G11" s="1" t="s">
        <v>152</v>
      </c>
      <c r="J11" s="1" t="s">
        <v>147</v>
      </c>
      <c r="N11" s="1" t="s">
        <v>33</v>
      </c>
      <c r="P11" s="1" t="s">
        <v>35</v>
      </c>
      <c r="Q11" s="1" t="s">
        <v>40</v>
      </c>
      <c r="S11" s="1" t="s">
        <v>57</v>
      </c>
      <c r="U11" s="1">
        <v>4.4000000000000004</v>
      </c>
      <c r="V11" s="1"/>
      <c r="W11" s="1"/>
      <c r="X11" s="1">
        <v>0.73</v>
      </c>
      <c r="Y11" s="1">
        <v>0.1</v>
      </c>
      <c r="Z11" s="1">
        <v>2E-3</v>
      </c>
      <c r="AA11" s="1" t="s">
        <v>554</v>
      </c>
      <c r="AB11" s="1" t="s">
        <v>52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7.0000000000000007E-2</v>
      </c>
      <c r="BD11" s="1">
        <v>0.12</v>
      </c>
      <c r="BE11" s="1"/>
      <c r="BF11" s="1"/>
      <c r="BG11" s="1"/>
      <c r="BH11" s="1"/>
      <c r="BI11" s="1"/>
      <c r="BJ11" s="1"/>
      <c r="BK11" s="1"/>
      <c r="BL11" s="1"/>
      <c r="BM11" s="1">
        <v>0.17</v>
      </c>
      <c r="BN11" s="1">
        <v>6.5000000000000002E-2</v>
      </c>
      <c r="BO11" s="1"/>
      <c r="BP11" s="1"/>
      <c r="BQ11" s="1">
        <v>32.32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2708333333333331</v>
      </c>
      <c r="C12" s="1" t="s">
        <v>553</v>
      </c>
      <c r="D12" s="1" t="s">
        <v>27</v>
      </c>
      <c r="E12" s="1" t="s">
        <v>477</v>
      </c>
      <c r="J12" s="1" t="s">
        <v>55</v>
      </c>
      <c r="N12" s="1" t="s">
        <v>33</v>
      </c>
      <c r="U12" s="1"/>
      <c r="V12" s="1"/>
      <c r="W12" s="1"/>
      <c r="X12" s="1"/>
      <c r="Y12" s="1"/>
      <c r="Z12" s="1"/>
      <c r="AA12" s="1" t="s">
        <v>554</v>
      </c>
      <c r="AB12" s="1" t="s">
        <v>554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43055555555555558</v>
      </c>
      <c r="C13" s="1" t="s">
        <v>476</v>
      </c>
      <c r="D13" s="1" t="s">
        <v>69</v>
      </c>
      <c r="E13" s="1" t="s">
        <v>70</v>
      </c>
      <c r="F13" s="1" t="s">
        <v>153</v>
      </c>
      <c r="G13" s="1" t="s">
        <v>154</v>
      </c>
      <c r="J13" s="1" t="s">
        <v>30</v>
      </c>
      <c r="K13" s="1" t="s">
        <v>155</v>
      </c>
      <c r="M13" s="1" t="s">
        <v>156</v>
      </c>
      <c r="N13" s="1" t="s">
        <v>74</v>
      </c>
      <c r="O13" s="1" t="s">
        <v>157</v>
      </c>
      <c r="P13" s="1" t="s">
        <v>35</v>
      </c>
      <c r="Q13" s="1" t="s">
        <v>63</v>
      </c>
      <c r="S13" s="1" t="s">
        <v>130</v>
      </c>
      <c r="U13" s="1">
        <v>7.1</v>
      </c>
      <c r="V13" s="3">
        <v>79</v>
      </c>
      <c r="W13" s="1" t="s">
        <v>508</v>
      </c>
      <c r="X13" s="1">
        <v>0.8</v>
      </c>
      <c r="Y13" s="1">
        <v>0.08</v>
      </c>
      <c r="Z13" s="1">
        <v>4.0000000000000001E-3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09</v>
      </c>
      <c r="BD13" s="1">
        <v>0.14000000000000001</v>
      </c>
      <c r="BE13" s="1"/>
      <c r="BF13" s="1"/>
      <c r="BG13" s="1"/>
      <c r="BH13" s="1"/>
      <c r="BI13" s="1"/>
      <c r="BJ13" s="1"/>
      <c r="BK13" s="1"/>
      <c r="BL13" s="1"/>
      <c r="BM13" s="1">
        <v>7.0000000000000007E-2</v>
      </c>
      <c r="BN13" s="1">
        <v>8.0000000000000002E-3</v>
      </c>
      <c r="BO13" s="1"/>
      <c r="BP13" s="1"/>
      <c r="BQ13" s="1">
        <v>30.29</v>
      </c>
      <c r="BR13" s="1" t="s">
        <v>531</v>
      </c>
      <c r="BS13" s="1" t="s">
        <v>511</v>
      </c>
      <c r="BT13" s="1">
        <v>37</v>
      </c>
      <c r="BU13" s="1"/>
      <c r="BV13" s="1"/>
      <c r="BW13" s="1"/>
      <c r="BX13" s="1"/>
      <c r="BY13" s="1"/>
      <c r="BZ13" s="1"/>
    </row>
    <row r="14" spans="1:78" x14ac:dyDescent="0.15">
      <c r="B14" s="2">
        <v>0.43055555555555558</v>
      </c>
      <c r="C14" s="1" t="s">
        <v>478</v>
      </c>
      <c r="D14" s="1" t="s">
        <v>69</v>
      </c>
      <c r="E14" s="1" t="s">
        <v>70</v>
      </c>
      <c r="G14" s="1" t="s">
        <v>78</v>
      </c>
      <c r="J14" s="1" t="s">
        <v>135</v>
      </c>
      <c r="N14" s="1" t="s">
        <v>74</v>
      </c>
      <c r="P14" s="1" t="s">
        <v>35</v>
      </c>
      <c r="Q14" s="1" t="s">
        <v>93</v>
      </c>
      <c r="S14" s="1" t="s">
        <v>41</v>
      </c>
      <c r="U14" s="1">
        <v>1.6</v>
      </c>
      <c r="V14" s="1"/>
      <c r="W14" s="1"/>
      <c r="X14" s="1">
        <v>0.6</v>
      </c>
      <c r="Y14" s="1">
        <v>0.1</v>
      </c>
      <c r="Z14" s="1">
        <v>4.0000000000000001E-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2</v>
      </c>
      <c r="BC14" s="1">
        <v>0.17</v>
      </c>
      <c r="BD14" s="1">
        <v>0.22</v>
      </c>
      <c r="BE14" s="1"/>
      <c r="BF14" s="1"/>
      <c r="BG14" s="1"/>
      <c r="BH14" s="1"/>
      <c r="BI14" s="1"/>
      <c r="BJ14" s="1"/>
      <c r="BK14" s="1"/>
      <c r="BL14" s="1"/>
      <c r="BM14" s="1">
        <v>0.09</v>
      </c>
      <c r="BN14" s="1">
        <v>8.7999999999999995E-2</v>
      </c>
      <c r="BO14" s="1"/>
      <c r="BP14" s="1"/>
      <c r="BQ14" s="1">
        <v>33.01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3055555555555558</v>
      </c>
      <c r="C15" s="1" t="s">
        <v>553</v>
      </c>
      <c r="D15" s="1" t="s">
        <v>69</v>
      </c>
      <c r="E15" s="1" t="s">
        <v>70</v>
      </c>
      <c r="J15" s="1" t="s">
        <v>63</v>
      </c>
      <c r="N15" s="1" t="s">
        <v>74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0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4</v>
      </c>
      <c r="AL15" s="1" t="s">
        <v>514</v>
      </c>
      <c r="AM15" s="1" t="s">
        <v>514</v>
      </c>
      <c r="AN15" s="1" t="s">
        <v>514</v>
      </c>
      <c r="AO15" s="1" t="s">
        <v>514</v>
      </c>
      <c r="AP15" t="s">
        <v>514</v>
      </c>
      <c r="AQ15" s="1" t="s">
        <v>514</v>
      </c>
      <c r="AR15" s="1" t="s">
        <v>514</v>
      </c>
      <c r="AS15" s="1" t="s">
        <v>514</v>
      </c>
      <c r="AT15" s="1" t="s">
        <v>517</v>
      </c>
      <c r="AU15" s="1"/>
      <c r="AV15" s="1"/>
      <c r="AW15" s="1"/>
      <c r="AX15" s="1" t="s">
        <v>514</v>
      </c>
      <c r="AY15" s="1" t="s">
        <v>523</v>
      </c>
      <c r="AZ15" s="1"/>
      <c r="BA15" s="1"/>
      <c r="BB15" s="1"/>
      <c r="BC15" s="1"/>
      <c r="BD15" s="1"/>
      <c r="BE15" s="1" t="s">
        <v>511</v>
      </c>
      <c r="BF15" s="1" t="s">
        <v>511</v>
      </c>
      <c r="BG15" s="1" t="s">
        <v>524</v>
      </c>
      <c r="BH15" s="1" t="s">
        <v>512</v>
      </c>
      <c r="BI15" s="1" t="s">
        <v>510</v>
      </c>
      <c r="BJ15" s="1"/>
      <c r="BK15" s="1" t="s">
        <v>513</v>
      </c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4791666666666665</v>
      </c>
      <c r="C16" s="1" t="s">
        <v>476</v>
      </c>
      <c r="D16" s="1" t="s">
        <v>43</v>
      </c>
      <c r="E16" s="1" t="s">
        <v>477</v>
      </c>
      <c r="F16" s="1" t="s">
        <v>158</v>
      </c>
      <c r="G16" s="1" t="s">
        <v>159</v>
      </c>
      <c r="J16" s="1" t="s">
        <v>30</v>
      </c>
      <c r="K16" s="1" t="s">
        <v>56</v>
      </c>
      <c r="M16" s="1" t="s">
        <v>49</v>
      </c>
      <c r="N16" s="1" t="s">
        <v>33</v>
      </c>
      <c r="O16" s="1" t="s">
        <v>92</v>
      </c>
      <c r="P16" s="1" t="s">
        <v>35</v>
      </c>
      <c r="Q16" s="1" t="s">
        <v>36</v>
      </c>
      <c r="S16" s="1" t="s">
        <v>125</v>
      </c>
      <c r="U16" s="1">
        <v>4.5999999999999996</v>
      </c>
      <c r="V16" s="3">
        <v>49</v>
      </c>
      <c r="W16" s="1" t="s">
        <v>508</v>
      </c>
      <c r="X16" s="1">
        <v>0.9</v>
      </c>
      <c r="Y16" s="1">
        <v>8.5000000000000006E-2</v>
      </c>
      <c r="Z16" s="1">
        <v>8.9999999999999993E-3</v>
      </c>
      <c r="AA16" s="1" t="s">
        <v>554</v>
      </c>
      <c r="AB16" s="1" t="s">
        <v>526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0.17</v>
      </c>
      <c r="BD16" s="1">
        <v>0.22</v>
      </c>
      <c r="BE16" s="1"/>
      <c r="BF16" s="1"/>
      <c r="BG16" s="1"/>
      <c r="BH16" s="1"/>
      <c r="BI16" s="1"/>
      <c r="BJ16" s="1"/>
      <c r="BK16" s="1"/>
      <c r="BL16" s="1"/>
      <c r="BM16" s="1">
        <v>0.2</v>
      </c>
      <c r="BN16" s="1">
        <v>5.2999999999999999E-2</v>
      </c>
      <c r="BO16" s="1"/>
      <c r="BP16" s="1"/>
      <c r="BQ16" s="1">
        <v>30.4</v>
      </c>
      <c r="BR16" s="1"/>
      <c r="BS16" s="1"/>
      <c r="BT16" s="1">
        <v>5.2</v>
      </c>
      <c r="BU16" s="1"/>
      <c r="BV16" s="1"/>
      <c r="BW16" s="1"/>
      <c r="BX16" s="1"/>
      <c r="BY16" s="1"/>
      <c r="BZ16" s="1"/>
    </row>
    <row r="17" spans="1:78" x14ac:dyDescent="0.15">
      <c r="B17" s="2">
        <v>0.34791666666666665</v>
      </c>
      <c r="C17" s="1" t="s">
        <v>478</v>
      </c>
      <c r="D17" s="1" t="s">
        <v>43</v>
      </c>
      <c r="E17" s="1" t="s">
        <v>477</v>
      </c>
      <c r="G17" s="1" t="s">
        <v>160</v>
      </c>
      <c r="J17" s="1" t="s">
        <v>147</v>
      </c>
      <c r="N17" s="1" t="s">
        <v>33</v>
      </c>
      <c r="P17" s="1" t="s">
        <v>35</v>
      </c>
      <c r="Q17" s="1" t="s">
        <v>40</v>
      </c>
      <c r="S17" s="1" t="s">
        <v>41</v>
      </c>
      <c r="U17" s="1">
        <v>2.9</v>
      </c>
      <c r="V17" s="1"/>
      <c r="W17" s="1"/>
      <c r="X17" s="1">
        <v>0.66</v>
      </c>
      <c r="Y17" s="1">
        <v>9.0999999999999998E-2</v>
      </c>
      <c r="Z17" s="1">
        <v>1.7999999999999999E-2</v>
      </c>
      <c r="AA17" s="1" t="s">
        <v>554</v>
      </c>
      <c r="AB17" s="1" t="s">
        <v>526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12</v>
      </c>
      <c r="BD17" s="1">
        <v>0.17</v>
      </c>
      <c r="BE17" s="1"/>
      <c r="BF17" s="1"/>
      <c r="BG17" s="1"/>
      <c r="BH17" s="1"/>
      <c r="BI17" s="1"/>
      <c r="BJ17" s="1"/>
      <c r="BK17" s="1"/>
      <c r="BL17" s="1"/>
      <c r="BM17" s="1">
        <v>0.1</v>
      </c>
      <c r="BN17" s="1">
        <v>6.2E-2</v>
      </c>
      <c r="BO17" s="1"/>
      <c r="BP17" s="1"/>
      <c r="BQ17" s="1">
        <v>31.58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4791666666666665</v>
      </c>
      <c r="C18" s="1" t="s">
        <v>553</v>
      </c>
      <c r="D18" s="1" t="s">
        <v>43</v>
      </c>
      <c r="E18" s="1" t="s">
        <v>477</v>
      </c>
      <c r="J18" s="1" t="s">
        <v>55</v>
      </c>
      <c r="N18" s="1" t="s">
        <v>33</v>
      </c>
      <c r="U18" s="1"/>
      <c r="V18" s="1"/>
      <c r="W18" s="1"/>
      <c r="X18" s="1"/>
      <c r="Y18" s="1"/>
      <c r="Z18" s="1"/>
      <c r="AA18" s="1" t="s">
        <v>554</v>
      </c>
      <c r="AB18" s="1" t="s">
        <v>55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1666666666666669</v>
      </c>
      <c r="C19" s="1" t="s">
        <v>476</v>
      </c>
      <c r="D19" s="1" t="s">
        <v>43</v>
      </c>
      <c r="E19" s="1" t="s">
        <v>70</v>
      </c>
      <c r="F19" s="1" t="s">
        <v>29</v>
      </c>
      <c r="G19" s="1" t="s">
        <v>161</v>
      </c>
      <c r="J19" s="1" t="s">
        <v>30</v>
      </c>
      <c r="K19" s="1" t="s">
        <v>29</v>
      </c>
      <c r="M19" s="1" t="s">
        <v>104</v>
      </c>
      <c r="N19" s="1" t="s">
        <v>33</v>
      </c>
      <c r="O19" s="1" t="s">
        <v>162</v>
      </c>
      <c r="P19" s="1" t="s">
        <v>35</v>
      </c>
      <c r="Q19" s="1" t="s">
        <v>93</v>
      </c>
      <c r="S19" s="1" t="s">
        <v>163</v>
      </c>
      <c r="U19" s="1">
        <v>6.7</v>
      </c>
      <c r="V19" s="3">
        <v>490</v>
      </c>
      <c r="W19" s="1" t="s">
        <v>508</v>
      </c>
      <c r="X19" s="1">
        <v>1.4</v>
      </c>
      <c r="Y19" s="1">
        <v>0.11</v>
      </c>
      <c r="Z19" s="1">
        <v>3.0000000000000001E-3</v>
      </c>
      <c r="AA19" s="1" t="s">
        <v>554</v>
      </c>
      <c r="AB19" s="1" t="s">
        <v>526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3</v>
      </c>
      <c r="BC19" s="1">
        <v>0.75</v>
      </c>
      <c r="BD19" s="1">
        <v>0.8</v>
      </c>
      <c r="BE19" s="1"/>
      <c r="BF19" s="1"/>
      <c r="BG19" s="1"/>
      <c r="BH19" s="1"/>
      <c r="BI19" s="1"/>
      <c r="BJ19" s="1"/>
      <c r="BK19" s="1"/>
      <c r="BL19" s="1"/>
      <c r="BM19" s="1">
        <v>0.17</v>
      </c>
      <c r="BN19" s="1">
        <v>0.09</v>
      </c>
      <c r="BO19" s="1"/>
      <c r="BP19" s="1"/>
      <c r="BQ19" s="1">
        <v>20.329999999999998</v>
      </c>
      <c r="BR19" s="1"/>
      <c r="BS19" s="1"/>
      <c r="BT19" s="1">
        <v>2.5</v>
      </c>
      <c r="BU19" s="1"/>
      <c r="BV19" s="1"/>
      <c r="BW19" s="1"/>
      <c r="BX19" s="1"/>
      <c r="BY19" s="1"/>
      <c r="BZ19" s="1"/>
    </row>
    <row r="20" spans="1:78" x14ac:dyDescent="0.15">
      <c r="B20" s="2">
        <v>0.41666666666666669</v>
      </c>
      <c r="C20" s="1" t="s">
        <v>478</v>
      </c>
      <c r="D20" s="1" t="s">
        <v>43</v>
      </c>
      <c r="E20" s="1" t="s">
        <v>70</v>
      </c>
      <c r="G20" s="1" t="s">
        <v>161</v>
      </c>
      <c r="J20" s="1" t="s">
        <v>164</v>
      </c>
      <c r="N20" s="1" t="s">
        <v>33</v>
      </c>
      <c r="P20" s="1" t="s">
        <v>35</v>
      </c>
      <c r="Q20" s="1" t="s">
        <v>93</v>
      </c>
      <c r="S20" s="1" t="s">
        <v>91</v>
      </c>
      <c r="U20" s="1">
        <v>4.5</v>
      </c>
      <c r="V20" s="1"/>
      <c r="W20" s="1"/>
      <c r="X20" s="1">
        <v>0.69</v>
      </c>
      <c r="Y20" s="1">
        <v>7.8E-2</v>
      </c>
      <c r="Z20" s="1">
        <v>3.0000000000000001E-3</v>
      </c>
      <c r="AA20" s="1" t="s">
        <v>554</v>
      </c>
      <c r="AB20" s="1" t="s">
        <v>52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0</v>
      </c>
      <c r="BC20" s="1">
        <v>0.25</v>
      </c>
      <c r="BD20" s="1">
        <v>0.3</v>
      </c>
      <c r="BE20" s="1"/>
      <c r="BF20" s="1"/>
      <c r="BG20" s="1"/>
      <c r="BH20" s="1"/>
      <c r="BI20" s="1"/>
      <c r="BJ20" s="1"/>
      <c r="BK20" s="1"/>
      <c r="BL20" s="1"/>
      <c r="BM20" s="1">
        <v>7.0000000000000007E-2</v>
      </c>
      <c r="BN20" s="1">
        <v>5.8000000000000003E-2</v>
      </c>
      <c r="BO20" s="1"/>
      <c r="BP20" s="1"/>
      <c r="BQ20" s="1">
        <v>31.56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1666666666666669</v>
      </c>
      <c r="C21" s="1" t="s">
        <v>553</v>
      </c>
      <c r="D21" s="1" t="s">
        <v>43</v>
      </c>
      <c r="E21" s="1" t="s">
        <v>70</v>
      </c>
      <c r="J21" s="1" t="s">
        <v>146</v>
      </c>
      <c r="N21" s="1" t="s">
        <v>33</v>
      </c>
      <c r="U21" s="1"/>
      <c r="V21" s="1"/>
      <c r="W21" s="1"/>
      <c r="X21" s="1"/>
      <c r="Y21" s="1"/>
      <c r="Z21" s="1"/>
      <c r="AA21" s="1" t="s">
        <v>554</v>
      </c>
      <c r="AB21" s="1" t="s">
        <v>554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 t="s">
        <v>513</v>
      </c>
      <c r="AV21" s="1" t="s">
        <v>509</v>
      </c>
      <c r="AW21" s="1" t="s">
        <v>509</v>
      </c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9652777777777781</v>
      </c>
      <c r="C22" s="1" t="s">
        <v>476</v>
      </c>
      <c r="D22" s="1" t="s">
        <v>27</v>
      </c>
      <c r="E22" s="1" t="s">
        <v>44</v>
      </c>
      <c r="F22" s="1" t="s">
        <v>98</v>
      </c>
      <c r="G22" s="1" t="s">
        <v>102</v>
      </c>
      <c r="J22" s="1" t="s">
        <v>30</v>
      </c>
      <c r="K22" s="1" t="s">
        <v>98</v>
      </c>
      <c r="M22" s="1" t="s">
        <v>163</v>
      </c>
      <c r="N22" s="1" t="s">
        <v>33</v>
      </c>
      <c r="O22" s="1" t="s">
        <v>92</v>
      </c>
      <c r="P22" s="1" t="s">
        <v>35</v>
      </c>
      <c r="Q22" s="1" t="s">
        <v>36</v>
      </c>
      <c r="S22" s="1" t="s">
        <v>163</v>
      </c>
      <c r="U22" s="1">
        <v>7.3</v>
      </c>
      <c r="V22" s="3">
        <v>49</v>
      </c>
      <c r="W22" s="1" t="s">
        <v>508</v>
      </c>
      <c r="X22" s="1">
        <v>1.1000000000000001</v>
      </c>
      <c r="Y22" s="1">
        <v>9.5000000000000001E-2</v>
      </c>
      <c r="Z22" s="1">
        <v>4.0000000000000001E-3</v>
      </c>
      <c r="AA22" s="1" t="s">
        <v>554</v>
      </c>
      <c r="AB22" s="1" t="s">
        <v>52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3</v>
      </c>
      <c r="BC22" s="1">
        <v>0.5</v>
      </c>
      <c r="BD22" s="1">
        <v>0.55000000000000004</v>
      </c>
      <c r="BE22" s="1"/>
      <c r="BF22" s="1"/>
      <c r="BG22" s="1"/>
      <c r="BH22" s="1"/>
      <c r="BI22" s="1"/>
      <c r="BJ22" s="1"/>
      <c r="BK22" s="1"/>
      <c r="BL22" s="1"/>
      <c r="BM22" s="1">
        <v>0.1</v>
      </c>
      <c r="BN22" s="1">
        <v>5.1999999999999998E-2</v>
      </c>
      <c r="BO22" s="1"/>
      <c r="BP22" s="1"/>
      <c r="BQ22" s="1">
        <v>30.48</v>
      </c>
      <c r="BR22" s="1"/>
      <c r="BS22" s="1"/>
      <c r="BT22" s="1">
        <v>12</v>
      </c>
      <c r="BU22" s="1"/>
      <c r="BV22" s="1"/>
      <c r="BW22" s="1"/>
      <c r="BX22" s="1"/>
      <c r="BY22" s="1"/>
      <c r="BZ22" s="1"/>
    </row>
    <row r="23" spans="1:78" x14ac:dyDescent="0.15">
      <c r="B23" s="2">
        <v>0.39652777777777781</v>
      </c>
      <c r="C23" s="1" t="s">
        <v>478</v>
      </c>
      <c r="D23" s="1" t="s">
        <v>27</v>
      </c>
      <c r="E23" s="1" t="s">
        <v>44</v>
      </c>
      <c r="G23" s="1" t="s">
        <v>165</v>
      </c>
      <c r="J23" s="1" t="s">
        <v>166</v>
      </c>
      <c r="N23" s="1" t="s">
        <v>33</v>
      </c>
      <c r="P23" s="1" t="s">
        <v>35</v>
      </c>
      <c r="Q23" s="1" t="s">
        <v>40</v>
      </c>
      <c r="S23" s="1" t="s">
        <v>54</v>
      </c>
      <c r="U23" s="1">
        <v>4.5</v>
      </c>
      <c r="V23" s="1"/>
      <c r="W23" s="1"/>
      <c r="X23" s="1">
        <v>0.56999999999999995</v>
      </c>
      <c r="Y23" s="1">
        <v>5.7000000000000002E-2</v>
      </c>
      <c r="Z23" s="1">
        <v>3.0000000000000001E-3</v>
      </c>
      <c r="AA23" s="1" t="s">
        <v>554</v>
      </c>
      <c r="AB23" s="1" t="s">
        <v>52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2</v>
      </c>
      <c r="BC23" s="1">
        <v>0.18</v>
      </c>
      <c r="BD23" s="1">
        <v>0.23</v>
      </c>
      <c r="BE23" s="1"/>
      <c r="BF23" s="1"/>
      <c r="BG23" s="1"/>
      <c r="BH23" s="1"/>
      <c r="BI23" s="1"/>
      <c r="BJ23" s="1"/>
      <c r="BK23" s="1"/>
      <c r="BL23" s="1"/>
      <c r="BM23" s="1">
        <v>0.08</v>
      </c>
      <c r="BN23" s="1">
        <v>3.5000000000000003E-2</v>
      </c>
      <c r="BO23" s="1"/>
      <c r="BP23" s="1"/>
      <c r="BQ23" s="1">
        <v>32.58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9652777777777781</v>
      </c>
      <c r="C24" s="1" t="s">
        <v>553</v>
      </c>
      <c r="D24" s="1" t="s">
        <v>27</v>
      </c>
      <c r="E24" s="1" t="s">
        <v>44</v>
      </c>
      <c r="J24" s="1" t="s">
        <v>63</v>
      </c>
      <c r="N24" s="1" t="s">
        <v>33</v>
      </c>
      <c r="U24" s="1"/>
      <c r="V24" s="1"/>
      <c r="W24" s="1"/>
      <c r="X24" s="1"/>
      <c r="Y24" s="1"/>
      <c r="Z24" s="1"/>
      <c r="AA24" s="1" t="s">
        <v>554</v>
      </c>
      <c r="AB24" s="1" t="s">
        <v>554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42222222222222222</v>
      </c>
      <c r="C25" s="1" t="s">
        <v>476</v>
      </c>
      <c r="D25" s="1" t="s">
        <v>27</v>
      </c>
      <c r="E25" s="1" t="s">
        <v>107</v>
      </c>
      <c r="F25" s="1" t="s">
        <v>167</v>
      </c>
      <c r="G25" s="1" t="s">
        <v>168</v>
      </c>
      <c r="J25" s="1" t="s">
        <v>30</v>
      </c>
      <c r="K25" s="1" t="s">
        <v>155</v>
      </c>
      <c r="M25" s="1" t="s">
        <v>169</v>
      </c>
      <c r="N25" s="1" t="s">
        <v>33</v>
      </c>
      <c r="O25" s="1" t="s">
        <v>92</v>
      </c>
      <c r="P25" s="1" t="s">
        <v>35</v>
      </c>
      <c r="Q25" s="1" t="s">
        <v>36</v>
      </c>
      <c r="S25" s="1" t="s">
        <v>170</v>
      </c>
      <c r="U25" s="1">
        <v>6.8</v>
      </c>
      <c r="V25" s="3">
        <v>23</v>
      </c>
      <c r="W25" s="1" t="s">
        <v>508</v>
      </c>
      <c r="X25" s="1">
        <v>0.83</v>
      </c>
      <c r="Y25" s="1">
        <v>5.3999999999999999E-2</v>
      </c>
      <c r="Z25" s="1">
        <v>2E-3</v>
      </c>
      <c r="AA25" s="1" t="s">
        <v>554</v>
      </c>
      <c r="AB25" s="1" t="s">
        <v>526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2</v>
      </c>
      <c r="BC25" s="1">
        <v>0.25</v>
      </c>
      <c r="BD25" s="1">
        <v>0.3</v>
      </c>
      <c r="BE25" s="1"/>
      <c r="BF25" s="1"/>
      <c r="BG25" s="1"/>
      <c r="BH25" s="1"/>
      <c r="BI25" s="1"/>
      <c r="BJ25" s="1"/>
      <c r="BK25" s="1"/>
      <c r="BL25" s="1"/>
      <c r="BM25" s="1">
        <v>0.16</v>
      </c>
      <c r="BN25" s="1">
        <v>3.6999999999999998E-2</v>
      </c>
      <c r="BO25" s="1"/>
      <c r="BP25" s="1"/>
      <c r="BQ25" s="1">
        <v>32.299999999999997</v>
      </c>
      <c r="BR25" s="1"/>
      <c r="BS25" s="1"/>
      <c r="BT25" s="1">
        <v>4.2</v>
      </c>
      <c r="BU25" s="1"/>
      <c r="BV25" s="1"/>
      <c r="BW25" s="1"/>
      <c r="BX25" s="1"/>
      <c r="BY25" s="1"/>
      <c r="BZ25" s="1"/>
    </row>
    <row r="26" spans="1:78" x14ac:dyDescent="0.15">
      <c r="B26" s="2">
        <v>0.42222222222222222</v>
      </c>
      <c r="C26" s="1" t="s">
        <v>478</v>
      </c>
      <c r="D26" s="1" t="s">
        <v>27</v>
      </c>
      <c r="E26" s="1" t="s">
        <v>107</v>
      </c>
      <c r="G26" s="1" t="s">
        <v>112</v>
      </c>
      <c r="J26" s="1" t="s">
        <v>135</v>
      </c>
      <c r="N26" s="1" t="s">
        <v>33</v>
      </c>
      <c r="P26" s="1" t="s">
        <v>35</v>
      </c>
      <c r="Q26" s="1" t="s">
        <v>36</v>
      </c>
      <c r="S26" s="1" t="s">
        <v>170</v>
      </c>
      <c r="U26" s="1">
        <v>4.9000000000000004</v>
      </c>
      <c r="V26" s="1"/>
      <c r="W26" s="1"/>
      <c r="X26" s="1">
        <v>0.52</v>
      </c>
      <c r="Y26" s="1">
        <v>5.6000000000000001E-2</v>
      </c>
      <c r="Z26" s="1">
        <v>3.0000000000000001E-3</v>
      </c>
      <c r="AA26" s="1" t="s">
        <v>554</v>
      </c>
      <c r="AB26" s="1" t="s">
        <v>560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2</v>
      </c>
      <c r="BD26" s="1">
        <v>0.17</v>
      </c>
      <c r="BE26" s="1"/>
      <c r="BF26" s="1"/>
      <c r="BG26" s="1"/>
      <c r="BH26" s="1"/>
      <c r="BI26" s="1"/>
      <c r="BJ26" s="1"/>
      <c r="BK26" s="1"/>
      <c r="BL26" s="1"/>
      <c r="BM26" s="1">
        <v>0.13</v>
      </c>
      <c r="BN26" s="1">
        <v>4.2000000000000003E-2</v>
      </c>
      <c r="BO26" s="1"/>
      <c r="BP26" s="1"/>
      <c r="BQ26" s="1">
        <v>33.22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2222222222222222</v>
      </c>
      <c r="C27" s="1" t="s">
        <v>553</v>
      </c>
      <c r="D27" s="1" t="s">
        <v>27</v>
      </c>
      <c r="E27" s="1" t="s">
        <v>107</v>
      </c>
      <c r="J27" s="1" t="s">
        <v>63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43055555555555558</v>
      </c>
      <c r="C28" s="1" t="s">
        <v>476</v>
      </c>
      <c r="D28" s="1" t="s">
        <v>43</v>
      </c>
      <c r="E28" s="1" t="s">
        <v>70</v>
      </c>
      <c r="F28" s="1" t="s">
        <v>171</v>
      </c>
      <c r="G28" s="1" t="s">
        <v>117</v>
      </c>
      <c r="J28" s="1" t="s">
        <v>30</v>
      </c>
      <c r="K28" s="1" t="s">
        <v>48</v>
      </c>
      <c r="M28" s="1" t="s">
        <v>49</v>
      </c>
      <c r="N28" s="1" t="s">
        <v>33</v>
      </c>
      <c r="O28" s="1" t="s">
        <v>172</v>
      </c>
      <c r="P28" s="1" t="s">
        <v>35</v>
      </c>
      <c r="Q28" s="1" t="s">
        <v>36</v>
      </c>
      <c r="S28" s="1" t="s">
        <v>126</v>
      </c>
      <c r="U28" s="1">
        <v>8.6</v>
      </c>
      <c r="V28" s="3">
        <v>5</v>
      </c>
      <c r="W28" s="1" t="s">
        <v>508</v>
      </c>
      <c r="X28" s="1">
        <v>0.83</v>
      </c>
      <c r="Y28" s="1">
        <v>5.1999999999999998E-2</v>
      </c>
      <c r="Z28" s="1">
        <v>5.0000000000000001E-3</v>
      </c>
      <c r="AA28" t="s">
        <v>554</v>
      </c>
      <c r="AB28" t="s">
        <v>526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5</v>
      </c>
      <c r="BC28" s="1">
        <v>0.32</v>
      </c>
      <c r="BD28" s="1">
        <v>0.37</v>
      </c>
      <c r="BF28" s="1"/>
      <c r="BG28" s="1"/>
      <c r="BH28" s="1"/>
      <c r="BI28" s="1"/>
      <c r="BJ28" s="1"/>
      <c r="BK28" s="1"/>
      <c r="BL28" s="1"/>
      <c r="BM28" s="1">
        <v>0.1</v>
      </c>
      <c r="BN28" s="1">
        <v>3.3000000000000002E-2</v>
      </c>
      <c r="BO28" s="1"/>
      <c r="BP28" s="1"/>
      <c r="BQ28" s="1">
        <v>32.72</v>
      </c>
      <c r="BR28" s="1"/>
      <c r="BS28" s="1"/>
      <c r="BT28" s="1">
        <v>5</v>
      </c>
      <c r="BU28" s="1"/>
      <c r="BV28" s="1"/>
      <c r="BW28" s="1"/>
      <c r="BX28" s="1"/>
      <c r="BY28" s="1"/>
      <c r="BZ28" s="1"/>
    </row>
    <row r="29" spans="1:78" x14ac:dyDescent="0.15">
      <c r="B29" s="2">
        <v>0.43055555555555558</v>
      </c>
      <c r="C29" s="1" t="s">
        <v>478</v>
      </c>
      <c r="D29" s="1" t="s">
        <v>43</v>
      </c>
      <c r="E29" s="1" t="s">
        <v>70</v>
      </c>
      <c r="G29" s="1" t="s">
        <v>173</v>
      </c>
      <c r="J29" s="1" t="s">
        <v>143</v>
      </c>
      <c r="N29" s="1" t="s">
        <v>33</v>
      </c>
      <c r="P29" s="1" t="s">
        <v>35</v>
      </c>
      <c r="Q29" s="1" t="s">
        <v>36</v>
      </c>
      <c r="S29" s="1" t="s">
        <v>111</v>
      </c>
      <c r="U29" s="1">
        <v>8.5</v>
      </c>
      <c r="V29" s="1"/>
      <c r="W29" s="1"/>
      <c r="X29" s="1">
        <v>0.64</v>
      </c>
      <c r="Y29" s="1">
        <v>5.6000000000000001E-2</v>
      </c>
      <c r="Z29" s="1">
        <v>4.0000000000000001E-3</v>
      </c>
      <c r="AA29" t="s">
        <v>554</v>
      </c>
      <c r="AB29" t="s">
        <v>526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5</v>
      </c>
      <c r="BC29" s="1">
        <v>0.3</v>
      </c>
      <c r="BD29" s="1">
        <v>0.35</v>
      </c>
      <c r="BF29" s="1"/>
      <c r="BG29" s="1"/>
      <c r="BH29" s="1"/>
      <c r="BI29" s="1"/>
      <c r="BJ29" s="1"/>
      <c r="BK29" s="1"/>
      <c r="BL29" s="1"/>
      <c r="BM29" s="1">
        <v>7.0000000000000007E-2</v>
      </c>
      <c r="BN29" s="1">
        <v>3.3000000000000002E-2</v>
      </c>
      <c r="BO29" s="1"/>
      <c r="BP29" s="1"/>
      <c r="BQ29" s="1">
        <v>32.77000000000000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3055555555555558</v>
      </c>
      <c r="C30" s="1" t="s">
        <v>553</v>
      </c>
      <c r="D30" s="1" t="s">
        <v>43</v>
      </c>
      <c r="E30" s="1" t="s">
        <v>70</v>
      </c>
      <c r="J30" s="1" t="s">
        <v>174</v>
      </c>
      <c r="N30" s="1" t="s">
        <v>33</v>
      </c>
      <c r="U30" s="1"/>
      <c r="V30" s="1"/>
      <c r="W30" s="1"/>
      <c r="X30" s="1"/>
      <c r="Y30" s="1"/>
      <c r="Z30" s="1"/>
      <c r="AA30" t="s">
        <v>554</v>
      </c>
      <c r="AB30" t="s">
        <v>554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42291666666666666</v>
      </c>
      <c r="C31" s="1" t="s">
        <v>476</v>
      </c>
      <c r="D31" s="1" t="s">
        <v>51</v>
      </c>
      <c r="E31" s="1" t="s">
        <v>477</v>
      </c>
      <c r="F31" s="1" t="s">
        <v>121</v>
      </c>
      <c r="G31" s="1" t="s">
        <v>175</v>
      </c>
      <c r="J31" s="1" t="s">
        <v>30</v>
      </c>
      <c r="K31" s="1" t="s">
        <v>140</v>
      </c>
      <c r="M31" s="1" t="s">
        <v>131</v>
      </c>
      <c r="N31" s="1" t="s">
        <v>33</v>
      </c>
      <c r="O31" s="1" t="s">
        <v>92</v>
      </c>
      <c r="P31" s="1" t="s">
        <v>35</v>
      </c>
      <c r="Q31" s="1" t="s">
        <v>84</v>
      </c>
      <c r="S31" s="1" t="s">
        <v>91</v>
      </c>
      <c r="U31" s="1">
        <v>9.3000000000000007</v>
      </c>
      <c r="V31" s="3">
        <v>7</v>
      </c>
      <c r="W31" s="1" t="s">
        <v>508</v>
      </c>
      <c r="X31" s="1">
        <v>0.81</v>
      </c>
      <c r="Y31" s="1">
        <v>3.3000000000000002E-2</v>
      </c>
      <c r="Z31" s="1">
        <v>4.0000000000000001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3</v>
      </c>
      <c r="BC31" s="1">
        <v>0.35</v>
      </c>
      <c r="BD31" s="1">
        <v>0.4</v>
      </c>
      <c r="BF31" s="1"/>
      <c r="BG31" s="1"/>
      <c r="BH31" s="1"/>
      <c r="BI31" s="1"/>
      <c r="BJ31" s="1"/>
      <c r="BK31" s="1"/>
      <c r="BL31" s="1"/>
      <c r="BM31" s="1">
        <v>0.06</v>
      </c>
      <c r="BN31" s="1">
        <v>1.7999999999999999E-2</v>
      </c>
      <c r="BO31" s="1"/>
      <c r="BP31" s="1"/>
      <c r="BQ31" s="1">
        <v>32.31</v>
      </c>
      <c r="BR31" s="1" t="s">
        <v>531</v>
      </c>
      <c r="BS31" s="1" t="s">
        <v>511</v>
      </c>
      <c r="BT31" s="1">
        <v>4.0999999999999996</v>
      </c>
      <c r="BU31" s="1"/>
      <c r="BV31" s="1"/>
      <c r="BW31" s="1"/>
      <c r="BX31" s="1"/>
      <c r="BY31" s="1"/>
      <c r="BZ31" s="1"/>
    </row>
    <row r="32" spans="1:78" x14ac:dyDescent="0.15">
      <c r="B32" s="2">
        <v>0.42291666666666666</v>
      </c>
      <c r="C32" s="1" t="s">
        <v>478</v>
      </c>
      <c r="D32" s="1" t="s">
        <v>51</v>
      </c>
      <c r="E32" s="1" t="s">
        <v>477</v>
      </c>
      <c r="G32" s="1" t="s">
        <v>176</v>
      </c>
      <c r="J32" s="1" t="s">
        <v>177</v>
      </c>
      <c r="N32" s="1" t="s">
        <v>33</v>
      </c>
      <c r="P32" s="1" t="s">
        <v>35</v>
      </c>
      <c r="Q32" s="1" t="s">
        <v>84</v>
      </c>
      <c r="S32" s="1" t="s">
        <v>111</v>
      </c>
      <c r="U32" s="1">
        <v>8.1999999999999993</v>
      </c>
      <c r="V32" s="1"/>
      <c r="W32" s="1"/>
      <c r="X32" s="1">
        <v>0.61</v>
      </c>
      <c r="Y32" s="1">
        <v>3.6999999999999998E-2</v>
      </c>
      <c r="Z32" s="1">
        <v>4.000000000000000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27</v>
      </c>
      <c r="BD32" s="1">
        <v>0.32</v>
      </c>
      <c r="BF32" s="1"/>
      <c r="BG32" s="1"/>
      <c r="BH32" s="1"/>
      <c r="BI32" s="1"/>
      <c r="BJ32" s="1"/>
      <c r="BK32" s="1"/>
      <c r="BL32" s="1"/>
      <c r="BM32" s="1">
        <v>0.04</v>
      </c>
      <c r="BN32" s="1">
        <v>0.02</v>
      </c>
      <c r="BO32" s="1"/>
      <c r="BP32" s="1"/>
      <c r="BQ32" s="1">
        <v>32.65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2291666666666666</v>
      </c>
      <c r="C33" s="1" t="s">
        <v>553</v>
      </c>
      <c r="D33" s="1" t="s">
        <v>51</v>
      </c>
      <c r="E33" s="1" t="s">
        <v>477</v>
      </c>
      <c r="J33" s="1" t="s">
        <v>55</v>
      </c>
      <c r="N33" s="1" t="s">
        <v>33</v>
      </c>
      <c r="U33" s="1"/>
      <c r="V33" s="1"/>
      <c r="W33" s="1"/>
      <c r="X33" s="1"/>
      <c r="Y33" s="1"/>
      <c r="Z33" s="1"/>
      <c r="AA33" t="s">
        <v>554</v>
      </c>
      <c r="AB33" t="s">
        <v>554</v>
      </c>
      <c r="AC33" s="1" t="s">
        <v>509</v>
      </c>
      <c r="AD33" s="1" t="s">
        <v>510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4</v>
      </c>
      <c r="AL33" s="1" t="s">
        <v>514</v>
      </c>
      <c r="AM33" s="1" t="s">
        <v>514</v>
      </c>
      <c r="AN33" s="1" t="s">
        <v>514</v>
      </c>
      <c r="AO33" s="1" t="s">
        <v>514</v>
      </c>
      <c r="AP33" t="s">
        <v>514</v>
      </c>
      <c r="AQ33" s="1" t="s">
        <v>514</v>
      </c>
      <c r="AR33" s="1" t="s">
        <v>514</v>
      </c>
      <c r="AS33" s="1" t="s">
        <v>514</v>
      </c>
      <c r="AT33" s="1" t="s">
        <v>517</v>
      </c>
      <c r="AU33" s="1"/>
      <c r="AV33" s="1"/>
      <c r="AW33" s="1"/>
      <c r="AX33" s="1" t="s">
        <v>514</v>
      </c>
      <c r="AY33" s="1" t="s">
        <v>523</v>
      </c>
      <c r="AZ33" s="1"/>
      <c r="BA33" s="1"/>
      <c r="BB33" s="1"/>
      <c r="BC33" s="1"/>
      <c r="BD33" s="1"/>
      <c r="BE33" t="s">
        <v>511</v>
      </c>
      <c r="BF33" s="1" t="s">
        <v>511</v>
      </c>
      <c r="BG33" s="1" t="s">
        <v>524</v>
      </c>
      <c r="BH33" s="1" t="s">
        <v>512</v>
      </c>
      <c r="BI33" s="1" t="s">
        <v>510</v>
      </c>
      <c r="BJ33" s="1"/>
      <c r="BK33" s="1" t="s">
        <v>513</v>
      </c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8680555555555557</v>
      </c>
      <c r="C34" s="1" t="s">
        <v>476</v>
      </c>
      <c r="D34" s="1" t="s">
        <v>43</v>
      </c>
      <c r="E34" s="1" t="s">
        <v>477</v>
      </c>
      <c r="F34" s="1" t="s">
        <v>173</v>
      </c>
      <c r="G34" s="1" t="s">
        <v>178</v>
      </c>
      <c r="J34" s="1" t="s">
        <v>30</v>
      </c>
      <c r="K34" s="1" t="s">
        <v>29</v>
      </c>
      <c r="M34" s="1" t="s">
        <v>179</v>
      </c>
      <c r="N34" s="1" t="s">
        <v>33</v>
      </c>
      <c r="O34" s="1" t="s">
        <v>92</v>
      </c>
      <c r="P34" s="1" t="s">
        <v>35</v>
      </c>
      <c r="Q34" s="1" t="s">
        <v>84</v>
      </c>
      <c r="S34" s="1" t="s">
        <v>180</v>
      </c>
      <c r="U34" s="1">
        <v>8.9</v>
      </c>
      <c r="V34" s="3">
        <v>2400</v>
      </c>
      <c r="W34" s="1" t="s">
        <v>508</v>
      </c>
      <c r="X34" s="1">
        <v>1.2</v>
      </c>
      <c r="Y34" s="1">
        <v>5.1999999999999998E-2</v>
      </c>
      <c r="Z34" s="1">
        <v>8.9999999999999993E-3</v>
      </c>
      <c r="AA34" t="s">
        <v>554</v>
      </c>
      <c r="AB34" t="s">
        <v>526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3</v>
      </c>
      <c r="BC34" s="1">
        <v>0.48</v>
      </c>
      <c r="BD34" s="1">
        <v>0.53</v>
      </c>
      <c r="BF34" s="1"/>
      <c r="BG34" s="1"/>
      <c r="BH34" s="1"/>
      <c r="BI34" s="1"/>
      <c r="BJ34" s="1"/>
      <c r="BK34" s="1"/>
      <c r="BL34" s="1"/>
      <c r="BM34" s="1">
        <v>0.16</v>
      </c>
      <c r="BN34" s="1">
        <v>3.5999999999999997E-2</v>
      </c>
      <c r="BO34" s="1"/>
      <c r="BP34" s="1"/>
      <c r="BQ34" s="1">
        <v>30.99</v>
      </c>
      <c r="BR34" s="1"/>
      <c r="BS34" s="1"/>
      <c r="BT34" s="1">
        <v>2.9</v>
      </c>
      <c r="BU34" s="1"/>
      <c r="BV34" s="1"/>
      <c r="BW34" s="1"/>
      <c r="BX34" s="1"/>
      <c r="BY34" s="1"/>
      <c r="BZ34" s="1"/>
    </row>
    <row r="35" spans="1:78" x14ac:dyDescent="0.15">
      <c r="B35" s="2">
        <v>0.38680555555555557</v>
      </c>
      <c r="C35" s="1" t="s">
        <v>478</v>
      </c>
      <c r="D35" s="1" t="s">
        <v>43</v>
      </c>
      <c r="E35" s="1" t="s">
        <v>477</v>
      </c>
      <c r="G35" s="1" t="s">
        <v>181</v>
      </c>
      <c r="J35" s="1" t="s">
        <v>164</v>
      </c>
      <c r="N35" s="1" t="s">
        <v>33</v>
      </c>
      <c r="P35" s="1" t="s">
        <v>35</v>
      </c>
      <c r="Q35" s="1" t="s">
        <v>84</v>
      </c>
      <c r="S35" s="1" t="s">
        <v>133</v>
      </c>
      <c r="U35" s="1">
        <v>8.3000000000000007</v>
      </c>
      <c r="V35" s="1"/>
      <c r="W35" s="1"/>
      <c r="X35" s="1">
        <v>0.57999999999999996</v>
      </c>
      <c r="Y35" s="1">
        <v>0.03</v>
      </c>
      <c r="Z35" s="1">
        <v>5.0000000000000001E-3</v>
      </c>
      <c r="AA35" t="s">
        <v>554</v>
      </c>
      <c r="AB35" t="s">
        <v>526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2</v>
      </c>
      <c r="BC35" s="1">
        <v>0.27</v>
      </c>
      <c r="BD35" s="1">
        <v>0.32</v>
      </c>
      <c r="BF35" s="1"/>
      <c r="BG35" s="1"/>
      <c r="BH35" s="1"/>
      <c r="BI35" s="1"/>
      <c r="BJ35" s="1"/>
      <c r="BK35" s="1"/>
      <c r="BL35" s="1"/>
      <c r="BM35" s="1">
        <v>0.05</v>
      </c>
      <c r="BN35" s="1">
        <v>1.4999999999999999E-2</v>
      </c>
      <c r="BO35" s="1"/>
      <c r="BP35" s="1"/>
      <c r="BQ35" s="1">
        <v>32.51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8680555555555557</v>
      </c>
      <c r="C36" s="1" t="s">
        <v>553</v>
      </c>
      <c r="D36" s="1" t="s">
        <v>43</v>
      </c>
      <c r="E36" s="1" t="s">
        <v>477</v>
      </c>
      <c r="J36" s="1" t="s">
        <v>146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3" spans="21:21" x14ac:dyDescent="0.15">
      <c r="U1493" s="1"/>
    </row>
    <row r="1494" spans="21:21" x14ac:dyDescent="0.15">
      <c r="U1494" s="1"/>
    </row>
    <row r="1495" spans="21:21" x14ac:dyDescent="0.15">
      <c r="U1495" s="1"/>
    </row>
    <row r="1496" spans="21:21" x14ac:dyDescent="0.15">
      <c r="U1496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0" spans="21:21" x14ac:dyDescent="0.15">
      <c r="U1500" s="1"/>
    </row>
    <row r="1501" spans="21:21" x14ac:dyDescent="0.15">
      <c r="U1501" s="1"/>
    </row>
    <row r="1502" spans="21:21" x14ac:dyDescent="0.15">
      <c r="U1502" s="1"/>
    </row>
    <row r="1503" spans="21:21" x14ac:dyDescent="0.15">
      <c r="U1503" s="1"/>
    </row>
    <row r="1504" spans="21:21" x14ac:dyDescent="0.15">
      <c r="U1504" s="1"/>
    </row>
    <row r="1505" spans="21:21" x14ac:dyDescent="0.15">
      <c r="U1505" s="1"/>
    </row>
    <row r="1506" spans="21:21" x14ac:dyDescent="0.15">
      <c r="U1506" s="1"/>
    </row>
    <row r="1507" spans="21:21" x14ac:dyDescent="0.15">
      <c r="U1507" s="1"/>
    </row>
    <row r="1508" spans="21:21" x14ac:dyDescent="0.15">
      <c r="U1508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  <row r="1512" spans="21:21" x14ac:dyDescent="0.15">
      <c r="U1512" s="1"/>
    </row>
    <row r="1513" spans="21:21" x14ac:dyDescent="0.15">
      <c r="U1513" s="1"/>
    </row>
    <row r="1514" spans="21:21" x14ac:dyDescent="0.15">
      <c r="U1514" s="1"/>
    </row>
    <row r="1515" spans="21:21" x14ac:dyDescent="0.15">
      <c r="U1515" s="1"/>
    </row>
    <row r="1516" spans="21:21" x14ac:dyDescent="0.15">
      <c r="U1516" s="1"/>
    </row>
    <row r="1517" spans="21:21" x14ac:dyDescent="0.15">
      <c r="U1517" s="1"/>
    </row>
    <row r="1522" spans="21:21" x14ac:dyDescent="0.15">
      <c r="U1522" s="1"/>
    </row>
    <row r="1523" spans="21:21" x14ac:dyDescent="0.15">
      <c r="U1523" s="1"/>
    </row>
    <row r="1524" spans="21:21" x14ac:dyDescent="0.15">
      <c r="U1524" s="1"/>
    </row>
    <row r="1525" spans="21:21" x14ac:dyDescent="0.15">
      <c r="U1525" s="1"/>
    </row>
    <row r="1526" spans="21:21" x14ac:dyDescent="0.15">
      <c r="U1526" s="1"/>
    </row>
    <row r="1527" spans="21:21" x14ac:dyDescent="0.15">
      <c r="U1527" s="1"/>
    </row>
    <row r="1528" spans="21:21" x14ac:dyDescent="0.15">
      <c r="U1528" s="1"/>
    </row>
    <row r="1529" spans="21:21" x14ac:dyDescent="0.15">
      <c r="U1529" s="1"/>
    </row>
    <row r="1530" spans="21:21" x14ac:dyDescent="0.15">
      <c r="U1530" s="1"/>
    </row>
    <row r="1531" spans="21:21" x14ac:dyDescent="0.15">
      <c r="U1531" s="1"/>
    </row>
    <row r="1532" spans="21:21" x14ac:dyDescent="0.15">
      <c r="U1532" s="1"/>
    </row>
    <row r="1533" spans="21:21" x14ac:dyDescent="0.15">
      <c r="U1533" s="1"/>
    </row>
    <row r="1534" spans="21:21" x14ac:dyDescent="0.15">
      <c r="U1534" s="1"/>
    </row>
    <row r="1535" spans="21:21" x14ac:dyDescent="0.15">
      <c r="U1535" s="1"/>
    </row>
    <row r="1536" spans="21:21" x14ac:dyDescent="0.15">
      <c r="U1536" s="1"/>
    </row>
    <row r="1537" spans="21:21" x14ac:dyDescent="0.15">
      <c r="U1537" s="1"/>
    </row>
    <row r="1538" spans="21:21" x14ac:dyDescent="0.15">
      <c r="U1538" s="1"/>
    </row>
    <row r="1539" spans="21:21" x14ac:dyDescent="0.15">
      <c r="U1539" s="1"/>
    </row>
    <row r="1540" spans="21:21" x14ac:dyDescent="0.15">
      <c r="U1540" s="1"/>
    </row>
    <row r="1541" spans="21:21" x14ac:dyDescent="0.15">
      <c r="U1541" s="1"/>
    </row>
    <row r="1542" spans="21:21" x14ac:dyDescent="0.15">
      <c r="U1542" s="1"/>
    </row>
    <row r="1543" spans="21:21" x14ac:dyDescent="0.15">
      <c r="U1543" s="1"/>
    </row>
    <row r="1544" spans="21:21" x14ac:dyDescent="0.15">
      <c r="U1544" s="1"/>
    </row>
    <row r="1545" spans="21:21" x14ac:dyDescent="0.15">
      <c r="U1545" s="1"/>
    </row>
    <row r="1546" spans="21:21" x14ac:dyDescent="0.15">
      <c r="U1546" s="1"/>
    </row>
    <row r="1547" spans="21:21" x14ac:dyDescent="0.15">
      <c r="U1547" s="1"/>
    </row>
    <row r="1548" spans="21:21" x14ac:dyDescent="0.15">
      <c r="U1548" s="1"/>
    </row>
    <row r="1549" spans="21:21" x14ac:dyDescent="0.15">
      <c r="U1549" s="1"/>
    </row>
    <row r="1550" spans="21:21" x14ac:dyDescent="0.15">
      <c r="U1550" s="1"/>
    </row>
    <row r="1551" spans="21:21" x14ac:dyDescent="0.15">
      <c r="U1551" s="1"/>
    </row>
    <row r="1552" spans="21:21" x14ac:dyDescent="0.15">
      <c r="U1552" s="1"/>
    </row>
    <row r="1553" spans="21:21" x14ac:dyDescent="0.15">
      <c r="U1553" s="1"/>
    </row>
    <row r="1554" spans="21:21" x14ac:dyDescent="0.15">
      <c r="U1554" s="1"/>
    </row>
    <row r="1555" spans="21:21" x14ac:dyDescent="0.15">
      <c r="U1555" s="1"/>
    </row>
    <row r="1560" spans="21:21" x14ac:dyDescent="0.15">
      <c r="U1560" s="1"/>
    </row>
    <row r="1561" spans="21:21" x14ac:dyDescent="0.15">
      <c r="U1561" s="1"/>
    </row>
    <row r="1562" spans="21:21" x14ac:dyDescent="0.15">
      <c r="U1562" s="1"/>
    </row>
    <row r="1563" spans="21:21" x14ac:dyDescent="0.15">
      <c r="U1563" s="1"/>
    </row>
    <row r="1564" spans="21:21" x14ac:dyDescent="0.15">
      <c r="U1564" s="1"/>
    </row>
    <row r="1565" spans="21:21" x14ac:dyDescent="0.15">
      <c r="U1565" s="1"/>
    </row>
    <row r="1566" spans="21:21" x14ac:dyDescent="0.15">
      <c r="U1566" s="1"/>
    </row>
    <row r="1567" spans="21:21" x14ac:dyDescent="0.15">
      <c r="U1567" s="1"/>
    </row>
    <row r="1568" spans="21:21" x14ac:dyDescent="0.15">
      <c r="U1568" s="1"/>
    </row>
    <row r="1569" spans="21:21" x14ac:dyDescent="0.15">
      <c r="U1569" s="1"/>
    </row>
    <row r="1570" spans="21:21" x14ac:dyDescent="0.15">
      <c r="U1570" s="1"/>
    </row>
    <row r="1571" spans="21:21" x14ac:dyDescent="0.15">
      <c r="U1571" s="1"/>
    </row>
    <row r="1572" spans="21:21" x14ac:dyDescent="0.15">
      <c r="U1572" s="1"/>
    </row>
    <row r="1573" spans="21:21" x14ac:dyDescent="0.15">
      <c r="U1573" s="1"/>
    </row>
    <row r="1574" spans="21:21" x14ac:dyDescent="0.15">
      <c r="U1574" s="1"/>
    </row>
    <row r="1575" spans="21:21" x14ac:dyDescent="0.15">
      <c r="U1575" s="1"/>
    </row>
    <row r="1576" spans="21:21" x14ac:dyDescent="0.15">
      <c r="U1576" s="1"/>
    </row>
    <row r="1577" spans="21:21" x14ac:dyDescent="0.15">
      <c r="U1577" s="1"/>
    </row>
    <row r="1578" spans="21:21" x14ac:dyDescent="0.15">
      <c r="U1578" s="1"/>
    </row>
    <row r="1579" spans="21:21" x14ac:dyDescent="0.15">
      <c r="U1579" s="1"/>
    </row>
    <row r="1580" spans="21:21" x14ac:dyDescent="0.15">
      <c r="U1580" s="1"/>
    </row>
    <row r="1581" spans="21:21" x14ac:dyDescent="0.15">
      <c r="U1581" s="1"/>
    </row>
    <row r="1582" spans="21:21" x14ac:dyDescent="0.15">
      <c r="U1582" s="1"/>
    </row>
    <row r="1583" spans="21:21" x14ac:dyDescent="0.15">
      <c r="U1583" s="1"/>
    </row>
    <row r="1584" spans="21:21" x14ac:dyDescent="0.15">
      <c r="U1584" s="1"/>
    </row>
    <row r="1585" spans="21:21" x14ac:dyDescent="0.15">
      <c r="U1585" s="1"/>
    </row>
    <row r="1586" spans="21:21" x14ac:dyDescent="0.15">
      <c r="U1586" s="1"/>
    </row>
    <row r="1587" spans="21:21" x14ac:dyDescent="0.15">
      <c r="U1587" s="1"/>
    </row>
    <row r="1588" spans="21:21" x14ac:dyDescent="0.15">
      <c r="U1588" s="1"/>
    </row>
    <row r="1589" spans="21:21" x14ac:dyDescent="0.15">
      <c r="U1589" s="1"/>
    </row>
    <row r="1590" spans="21:21" x14ac:dyDescent="0.15">
      <c r="U1590" s="1"/>
    </row>
    <row r="1591" spans="21:21" x14ac:dyDescent="0.15">
      <c r="U1591" s="1"/>
    </row>
    <row r="1592" spans="21:21" x14ac:dyDescent="0.15">
      <c r="U1592" s="1"/>
    </row>
    <row r="1593" spans="21:21" x14ac:dyDescent="0.15">
      <c r="U1593" s="1"/>
    </row>
    <row r="1598" spans="21:21" x14ac:dyDescent="0.15">
      <c r="U1598" s="1"/>
    </row>
    <row r="1599" spans="21:21" x14ac:dyDescent="0.15">
      <c r="U1599" s="1"/>
    </row>
    <row r="1600" spans="21:21" x14ac:dyDescent="0.15">
      <c r="U1600" s="1"/>
    </row>
    <row r="1601" spans="21:21" x14ac:dyDescent="0.15">
      <c r="U1601" s="1"/>
    </row>
    <row r="1602" spans="21:21" x14ac:dyDescent="0.15">
      <c r="U1602" s="1"/>
    </row>
    <row r="1603" spans="21:21" x14ac:dyDescent="0.15">
      <c r="U1603" s="1"/>
    </row>
    <row r="1604" spans="21:21" x14ac:dyDescent="0.15">
      <c r="U1604" s="1"/>
    </row>
    <row r="1605" spans="21:21" x14ac:dyDescent="0.15">
      <c r="U1605" s="1"/>
    </row>
    <row r="1606" spans="21:21" x14ac:dyDescent="0.15">
      <c r="U1606" s="1"/>
    </row>
    <row r="1607" spans="21:21" x14ac:dyDescent="0.15">
      <c r="U1607" s="1"/>
    </row>
    <row r="1608" spans="21:21" x14ac:dyDescent="0.15">
      <c r="U1608" s="1"/>
    </row>
    <row r="1609" spans="21:21" x14ac:dyDescent="0.15">
      <c r="U1609" s="1"/>
    </row>
    <row r="1610" spans="21:21" x14ac:dyDescent="0.15">
      <c r="U1610" s="1"/>
    </row>
    <row r="1611" spans="21:21" x14ac:dyDescent="0.15">
      <c r="U1611" s="1"/>
    </row>
    <row r="1612" spans="21:21" x14ac:dyDescent="0.15">
      <c r="U1612" s="1"/>
    </row>
    <row r="1613" spans="21:21" x14ac:dyDescent="0.15">
      <c r="U1613" s="1"/>
    </row>
    <row r="1614" spans="21:21" x14ac:dyDescent="0.15">
      <c r="U1614" s="1"/>
    </row>
    <row r="1615" spans="21:21" x14ac:dyDescent="0.15">
      <c r="U1615" s="1"/>
    </row>
    <row r="1616" spans="21:21" x14ac:dyDescent="0.15">
      <c r="U1616" s="1"/>
    </row>
    <row r="1617" spans="21:21" x14ac:dyDescent="0.15">
      <c r="U1617" s="1"/>
    </row>
    <row r="1618" spans="21:21" x14ac:dyDescent="0.15">
      <c r="U1618" s="1"/>
    </row>
    <row r="1619" spans="21:21" x14ac:dyDescent="0.15">
      <c r="U1619" s="1"/>
    </row>
    <row r="1620" spans="21:21" x14ac:dyDescent="0.15">
      <c r="U1620" s="1"/>
    </row>
    <row r="1621" spans="21:21" x14ac:dyDescent="0.15">
      <c r="U1621" s="1"/>
    </row>
    <row r="1622" spans="21:21" x14ac:dyDescent="0.15">
      <c r="U1622" s="1"/>
    </row>
    <row r="1623" spans="21:21" x14ac:dyDescent="0.15">
      <c r="U1623" s="1"/>
    </row>
    <row r="1624" spans="21:21" x14ac:dyDescent="0.15">
      <c r="U1624" s="1"/>
    </row>
    <row r="1625" spans="21:21" x14ac:dyDescent="0.15">
      <c r="U1625" s="1"/>
    </row>
    <row r="1626" spans="21:21" x14ac:dyDescent="0.15">
      <c r="U1626" s="1"/>
    </row>
    <row r="1627" spans="21:21" x14ac:dyDescent="0.15">
      <c r="U1627" s="1"/>
    </row>
    <row r="1628" spans="21:21" x14ac:dyDescent="0.15">
      <c r="U1628" s="1"/>
    </row>
    <row r="1629" spans="21:21" x14ac:dyDescent="0.15">
      <c r="U1629" s="1"/>
    </row>
    <row r="1630" spans="21:21" x14ac:dyDescent="0.15">
      <c r="U1630" s="1"/>
    </row>
    <row r="1631" spans="21:21" x14ac:dyDescent="0.15">
      <c r="U1631" s="1"/>
    </row>
    <row r="1636" spans="21:21" x14ac:dyDescent="0.15">
      <c r="U1636" s="1"/>
    </row>
    <row r="1637" spans="21:21" x14ac:dyDescent="0.15">
      <c r="U1637" s="1"/>
    </row>
    <row r="1638" spans="21:21" x14ac:dyDescent="0.15">
      <c r="U1638" s="1"/>
    </row>
    <row r="1639" spans="21:21" x14ac:dyDescent="0.15">
      <c r="U1639" s="1"/>
    </row>
    <row r="1640" spans="21:21" x14ac:dyDescent="0.15">
      <c r="U1640" s="1"/>
    </row>
    <row r="1641" spans="21:21" x14ac:dyDescent="0.15">
      <c r="U1641" s="1"/>
    </row>
    <row r="1642" spans="21:21" x14ac:dyDescent="0.15">
      <c r="U1642" s="1"/>
    </row>
    <row r="1643" spans="21:21" x14ac:dyDescent="0.15">
      <c r="U1643" s="1"/>
    </row>
    <row r="1644" spans="21:21" x14ac:dyDescent="0.15">
      <c r="U1644" s="1"/>
    </row>
    <row r="1645" spans="21:21" x14ac:dyDescent="0.15">
      <c r="U1645" s="1"/>
    </row>
    <row r="1646" spans="21:21" x14ac:dyDescent="0.15">
      <c r="U1646" s="1"/>
    </row>
    <row r="1647" spans="21:21" x14ac:dyDescent="0.15">
      <c r="U1647" s="1"/>
    </row>
    <row r="1648" spans="21:21" x14ac:dyDescent="0.15">
      <c r="U1648" s="1"/>
    </row>
    <row r="1649" spans="21:21" x14ac:dyDescent="0.15">
      <c r="U1649" s="1"/>
    </row>
    <row r="1650" spans="21:21" x14ac:dyDescent="0.15">
      <c r="U1650" s="1"/>
    </row>
    <row r="1651" spans="21:21" x14ac:dyDescent="0.15">
      <c r="U1651" s="1"/>
    </row>
    <row r="1652" spans="21:21" x14ac:dyDescent="0.15">
      <c r="U1652" s="1"/>
    </row>
    <row r="1653" spans="21:21" x14ac:dyDescent="0.15">
      <c r="U1653" s="1"/>
    </row>
    <row r="1654" spans="21:21" x14ac:dyDescent="0.15">
      <c r="U1654" s="1"/>
    </row>
    <row r="1655" spans="21:21" x14ac:dyDescent="0.15">
      <c r="U1655" s="1"/>
    </row>
    <row r="1656" spans="21:21" x14ac:dyDescent="0.15">
      <c r="U1656" s="1"/>
    </row>
    <row r="1657" spans="21:21" x14ac:dyDescent="0.15">
      <c r="U1657" s="1"/>
    </row>
    <row r="1658" spans="21:21" x14ac:dyDescent="0.15">
      <c r="U1658" s="1"/>
    </row>
    <row r="1659" spans="21:21" x14ac:dyDescent="0.15">
      <c r="U1659" s="1"/>
    </row>
    <row r="1660" spans="21:21" x14ac:dyDescent="0.15">
      <c r="U1660" s="1"/>
    </row>
    <row r="1661" spans="21:21" x14ac:dyDescent="0.15">
      <c r="U1661" s="1"/>
    </row>
    <row r="1662" spans="21:21" x14ac:dyDescent="0.15">
      <c r="U1662" s="1"/>
    </row>
    <row r="1663" spans="21:21" x14ac:dyDescent="0.15">
      <c r="U1663" s="1"/>
    </row>
    <row r="1664" spans="21:21" x14ac:dyDescent="0.15">
      <c r="U1664" s="1"/>
    </row>
    <row r="1665" spans="21:21" x14ac:dyDescent="0.15">
      <c r="U1665" s="1"/>
    </row>
    <row r="1666" spans="21:21" x14ac:dyDescent="0.15">
      <c r="U1666" s="1"/>
    </row>
    <row r="1667" spans="21:21" x14ac:dyDescent="0.15">
      <c r="U1667" s="1"/>
    </row>
    <row r="1668" spans="21:21" x14ac:dyDescent="0.15">
      <c r="U1668" s="1"/>
    </row>
    <row r="1669" spans="21:21" x14ac:dyDescent="0.15">
      <c r="U1669" s="1"/>
    </row>
  </sheetData>
  <phoneticPr fontId="18"/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682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502</v>
      </c>
      <c r="E1" s="1" t="s">
        <v>2</v>
      </c>
      <c r="F1" s="1" t="s">
        <v>499</v>
      </c>
      <c r="G1" s="1" t="s">
        <v>3</v>
      </c>
      <c r="H1" s="1" t="s">
        <v>50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50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368</v>
      </c>
      <c r="B4" s="2">
        <v>0.38958333333333334</v>
      </c>
      <c r="C4" s="1" t="s">
        <v>476</v>
      </c>
      <c r="D4" s="1" t="s">
        <v>27</v>
      </c>
      <c r="E4" s="1" t="s">
        <v>369</v>
      </c>
      <c r="F4" s="1" t="s">
        <v>56</v>
      </c>
      <c r="G4" s="1" t="s">
        <v>351</v>
      </c>
      <c r="J4" s="1" t="s">
        <v>30</v>
      </c>
      <c r="K4" s="1" t="s">
        <v>385</v>
      </c>
      <c r="M4" s="1" t="s">
        <v>93</v>
      </c>
      <c r="N4" s="1" t="s">
        <v>33</v>
      </c>
      <c r="O4" s="1" t="s">
        <v>92</v>
      </c>
      <c r="P4" s="1" t="s">
        <v>35</v>
      </c>
      <c r="Q4" s="1" t="s">
        <v>84</v>
      </c>
      <c r="S4" s="1" t="s">
        <v>201</v>
      </c>
      <c r="U4" s="1">
        <v>7.7</v>
      </c>
      <c r="V4" s="1"/>
      <c r="W4" s="1"/>
      <c r="X4" s="1">
        <v>0.33</v>
      </c>
      <c r="Y4" s="1">
        <v>2.4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16</v>
      </c>
      <c r="BD4" s="1">
        <v>0.21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1.4E-2</v>
      </c>
      <c r="BO4" s="1"/>
      <c r="BP4" s="1"/>
      <c r="BQ4" s="1">
        <v>32.93</v>
      </c>
      <c r="BR4" s="1"/>
      <c r="BS4" s="1"/>
      <c r="BT4" s="1">
        <v>0.9</v>
      </c>
      <c r="BU4" s="1"/>
      <c r="BV4" s="1"/>
      <c r="BW4" s="1"/>
      <c r="BX4" s="1"/>
      <c r="BY4" s="1"/>
      <c r="BZ4" s="1"/>
    </row>
    <row r="5" spans="1:78" x14ac:dyDescent="0.15">
      <c r="B5" s="2">
        <v>0.38958333333333334</v>
      </c>
      <c r="C5" s="1" t="s">
        <v>478</v>
      </c>
      <c r="D5" s="1" t="s">
        <v>27</v>
      </c>
      <c r="E5" s="1" t="s">
        <v>369</v>
      </c>
      <c r="G5" s="1" t="s">
        <v>142</v>
      </c>
      <c r="J5" s="1" t="s">
        <v>386</v>
      </c>
      <c r="N5" s="1" t="s">
        <v>33</v>
      </c>
      <c r="P5" s="1" t="s">
        <v>35</v>
      </c>
      <c r="Q5" s="1" t="s">
        <v>84</v>
      </c>
      <c r="S5" s="1" t="s">
        <v>191</v>
      </c>
      <c r="U5" s="1">
        <v>7.5</v>
      </c>
      <c r="V5" s="1"/>
      <c r="W5" s="1"/>
      <c r="X5" s="1">
        <v>0.19</v>
      </c>
      <c r="Y5" s="1">
        <v>2.1999999999999999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0</v>
      </c>
      <c r="BC5" s="1">
        <v>0.1</v>
      </c>
      <c r="BD5" s="1">
        <v>0.15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1.6E-2</v>
      </c>
      <c r="BO5" s="1"/>
      <c r="BP5" s="1"/>
      <c r="BQ5" s="1">
        <v>34.229999999999997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71</v>
      </c>
      <c r="B6" s="2">
        <v>0.40972222222222227</v>
      </c>
      <c r="C6" s="1" t="s">
        <v>476</v>
      </c>
      <c r="D6" s="1" t="s">
        <v>27</v>
      </c>
      <c r="E6" s="1" t="s">
        <v>70</v>
      </c>
      <c r="F6" s="1" t="s">
        <v>276</v>
      </c>
      <c r="G6" s="1" t="s">
        <v>165</v>
      </c>
      <c r="J6" s="1" t="s">
        <v>30</v>
      </c>
      <c r="K6" s="1" t="s">
        <v>387</v>
      </c>
      <c r="M6" s="1" t="s">
        <v>111</v>
      </c>
      <c r="N6" s="1" t="s">
        <v>74</v>
      </c>
      <c r="O6" s="1" t="s">
        <v>221</v>
      </c>
      <c r="P6" s="1" t="s">
        <v>35</v>
      </c>
      <c r="Q6" s="1" t="s">
        <v>174</v>
      </c>
      <c r="S6" s="1" t="s">
        <v>320</v>
      </c>
      <c r="U6" s="1">
        <v>12.2</v>
      </c>
      <c r="V6" s="1" t="s">
        <v>515</v>
      </c>
      <c r="W6" s="1"/>
      <c r="X6" s="1">
        <v>0.34</v>
      </c>
      <c r="Y6" s="1">
        <v>2.500000000000000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0</v>
      </c>
      <c r="BC6" s="1" t="s">
        <v>512</v>
      </c>
      <c r="BD6" s="1" t="s">
        <v>522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1E-3</v>
      </c>
      <c r="BO6" s="1"/>
      <c r="BP6" s="1"/>
      <c r="BQ6" s="1">
        <v>29.92</v>
      </c>
      <c r="BR6" s="1"/>
      <c r="BS6" s="1"/>
      <c r="BT6" s="1">
        <v>10</v>
      </c>
      <c r="BU6" s="1"/>
      <c r="BV6" s="1"/>
      <c r="BW6" s="1"/>
      <c r="BX6" s="1"/>
      <c r="BY6" s="1"/>
      <c r="BZ6" s="1"/>
    </row>
    <row r="7" spans="1:78" x14ac:dyDescent="0.15">
      <c r="B7" s="2">
        <v>0.40972222222222227</v>
      </c>
      <c r="C7" s="1" t="s">
        <v>478</v>
      </c>
      <c r="D7" s="1" t="s">
        <v>27</v>
      </c>
      <c r="E7" s="1" t="s">
        <v>70</v>
      </c>
      <c r="G7" s="1" t="s">
        <v>112</v>
      </c>
      <c r="J7" s="1" t="s">
        <v>388</v>
      </c>
      <c r="N7" s="1" t="s">
        <v>74</v>
      </c>
      <c r="P7" s="1" t="s">
        <v>35</v>
      </c>
      <c r="Q7" s="1" t="s">
        <v>36</v>
      </c>
      <c r="S7" s="1" t="s">
        <v>286</v>
      </c>
      <c r="U7" s="1">
        <v>7.6</v>
      </c>
      <c r="V7" s="1"/>
      <c r="W7" s="1"/>
      <c r="X7" s="1">
        <v>0.13</v>
      </c>
      <c r="Y7" s="1">
        <v>1.4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0</v>
      </c>
      <c r="BC7" s="1">
        <v>0.03</v>
      </c>
      <c r="BD7" s="1" t="s">
        <v>522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7.0000000000000001E-3</v>
      </c>
      <c r="BO7" s="1"/>
      <c r="BP7" s="1"/>
      <c r="BQ7" s="1">
        <v>34.369999999999997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923611111111111</v>
      </c>
      <c r="C8" s="1" t="s">
        <v>476</v>
      </c>
      <c r="D8" s="1" t="s">
        <v>51</v>
      </c>
      <c r="E8" s="1" t="s">
        <v>477</v>
      </c>
      <c r="F8" s="1" t="s">
        <v>46</v>
      </c>
      <c r="G8" s="1" t="s">
        <v>65</v>
      </c>
      <c r="J8" s="1" t="s">
        <v>30</v>
      </c>
      <c r="K8" s="1" t="s">
        <v>385</v>
      </c>
      <c r="M8" s="1" t="s">
        <v>101</v>
      </c>
      <c r="N8" s="1" t="s">
        <v>33</v>
      </c>
      <c r="O8" s="1" t="s">
        <v>34</v>
      </c>
      <c r="P8" s="1" t="s">
        <v>35</v>
      </c>
      <c r="Q8" s="1" t="s">
        <v>146</v>
      </c>
      <c r="S8" s="1" t="s">
        <v>119</v>
      </c>
      <c r="U8" s="1">
        <v>10.199999999999999</v>
      </c>
      <c r="V8" s="1"/>
      <c r="W8" s="1"/>
      <c r="X8" s="1">
        <v>0.41</v>
      </c>
      <c r="Y8" s="1">
        <v>2.1999999999999999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0</v>
      </c>
      <c r="BC8" s="1" t="s">
        <v>51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>
        <v>1E-3</v>
      </c>
      <c r="BO8" s="1"/>
      <c r="BP8" s="1"/>
      <c r="BQ8" s="1">
        <v>30.59</v>
      </c>
      <c r="BR8" s="1"/>
      <c r="BS8" s="1"/>
      <c r="BT8" s="1">
        <v>12</v>
      </c>
      <c r="BU8" s="1"/>
      <c r="BV8" s="1"/>
      <c r="BW8" s="1"/>
      <c r="BX8" s="1"/>
      <c r="BY8" s="1"/>
      <c r="BZ8" s="1"/>
    </row>
    <row r="9" spans="1:78" x14ac:dyDescent="0.15">
      <c r="B9" s="2">
        <v>0.3923611111111111</v>
      </c>
      <c r="C9" s="1" t="s">
        <v>478</v>
      </c>
      <c r="D9" s="1" t="s">
        <v>51</v>
      </c>
      <c r="E9" s="1" t="s">
        <v>477</v>
      </c>
      <c r="G9" s="1" t="s">
        <v>278</v>
      </c>
      <c r="J9" s="1" t="s">
        <v>386</v>
      </c>
      <c r="N9" s="1" t="s">
        <v>33</v>
      </c>
      <c r="P9" s="1" t="s">
        <v>35</v>
      </c>
      <c r="Q9" s="1" t="s">
        <v>36</v>
      </c>
      <c r="S9" s="1" t="s">
        <v>225</v>
      </c>
      <c r="U9" s="1">
        <v>6.9</v>
      </c>
      <c r="V9" s="1"/>
      <c r="W9" s="1"/>
      <c r="X9" s="1">
        <v>0.15</v>
      </c>
      <c r="Y9" s="1">
        <v>3.2000000000000001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0.05</v>
      </c>
      <c r="BD9" s="1">
        <v>0.1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2.1999999999999999E-2</v>
      </c>
      <c r="BO9" s="1"/>
      <c r="BP9" s="1"/>
      <c r="BQ9" s="1">
        <v>34.340000000000003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9861111111111108</v>
      </c>
      <c r="C10" s="1" t="s">
        <v>476</v>
      </c>
      <c r="D10" s="1" t="s">
        <v>27</v>
      </c>
      <c r="E10" s="1" t="s">
        <v>477</v>
      </c>
      <c r="F10" s="1" t="s">
        <v>60</v>
      </c>
      <c r="G10" s="1" t="s">
        <v>308</v>
      </c>
      <c r="J10" s="1" t="s">
        <v>30</v>
      </c>
      <c r="K10" s="1" t="s">
        <v>389</v>
      </c>
      <c r="M10" s="1" t="s">
        <v>37</v>
      </c>
      <c r="N10" s="1" t="s">
        <v>33</v>
      </c>
      <c r="O10" s="1" t="s">
        <v>34</v>
      </c>
      <c r="P10" s="1" t="s">
        <v>35</v>
      </c>
      <c r="Q10" s="1" t="s">
        <v>84</v>
      </c>
      <c r="S10" s="1" t="s">
        <v>163</v>
      </c>
      <c r="U10" s="1">
        <v>8</v>
      </c>
      <c r="V10" s="1"/>
      <c r="W10" s="1"/>
      <c r="X10" s="1">
        <v>0.22</v>
      </c>
      <c r="Y10" s="1">
        <v>2.4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2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2E-3</v>
      </c>
      <c r="BO10" s="1"/>
      <c r="BP10" s="1"/>
      <c r="BQ10" s="1">
        <v>32.020000000000003</v>
      </c>
      <c r="BR10" s="1"/>
      <c r="BS10" s="1"/>
      <c r="BT10" s="1">
        <v>8.1</v>
      </c>
      <c r="BU10" s="1"/>
      <c r="BV10" s="1"/>
      <c r="BW10" s="1"/>
      <c r="BX10" s="1"/>
      <c r="BY10" s="1"/>
      <c r="BZ10" s="1"/>
    </row>
    <row r="11" spans="1:78" x14ac:dyDescent="0.15">
      <c r="B11" s="2">
        <v>0.39861111111111108</v>
      </c>
      <c r="C11" s="1" t="s">
        <v>478</v>
      </c>
      <c r="D11" s="1" t="s">
        <v>27</v>
      </c>
      <c r="E11" s="1" t="s">
        <v>477</v>
      </c>
      <c r="G11" s="1" t="s">
        <v>112</v>
      </c>
      <c r="J11" s="1" t="s">
        <v>390</v>
      </c>
      <c r="N11" s="1" t="s">
        <v>33</v>
      </c>
      <c r="P11" s="1" t="s">
        <v>35</v>
      </c>
      <c r="Q11" s="1" t="s">
        <v>40</v>
      </c>
      <c r="S11" s="1" t="s">
        <v>286</v>
      </c>
      <c r="U11" s="1">
        <v>5.9</v>
      </c>
      <c r="V11" s="1"/>
      <c r="W11" s="1"/>
      <c r="X11" s="1">
        <v>0.2</v>
      </c>
      <c r="Y11" s="1">
        <v>0.04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0</v>
      </c>
      <c r="BC11" s="1">
        <v>0.12</v>
      </c>
      <c r="BD11" s="1">
        <v>0.17</v>
      </c>
      <c r="BE11" s="1"/>
      <c r="BF11" s="1"/>
      <c r="BG11" s="1"/>
      <c r="BH11" s="1"/>
      <c r="BI11" s="1"/>
      <c r="BJ11" s="1"/>
      <c r="BK11" s="1"/>
      <c r="BL11" s="1"/>
      <c r="BM11" s="1" t="s">
        <v>533</v>
      </c>
      <c r="BN11" s="1">
        <v>3.7999999999999999E-2</v>
      </c>
      <c r="BO11" s="1"/>
      <c r="BP11" s="1"/>
      <c r="BQ11" s="1">
        <v>34.44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9861111111111108</v>
      </c>
      <c r="C12" s="1" t="s">
        <v>553</v>
      </c>
      <c r="D12" s="1" t="s">
        <v>27</v>
      </c>
      <c r="E12" s="1" t="s">
        <v>477</v>
      </c>
      <c r="J12" s="1" t="s">
        <v>233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3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42430555555555555</v>
      </c>
      <c r="C13" s="1" t="s">
        <v>476</v>
      </c>
      <c r="D13" s="1" t="s">
        <v>27</v>
      </c>
      <c r="E13" s="1" t="s">
        <v>70</v>
      </c>
      <c r="F13" s="1" t="s">
        <v>195</v>
      </c>
      <c r="G13" s="1" t="s">
        <v>228</v>
      </c>
      <c r="J13" s="1" t="s">
        <v>30</v>
      </c>
      <c r="K13" s="1" t="s">
        <v>391</v>
      </c>
      <c r="M13" s="1" t="s">
        <v>180</v>
      </c>
      <c r="N13" s="1" t="s">
        <v>33</v>
      </c>
      <c r="O13" s="1" t="s">
        <v>34</v>
      </c>
      <c r="P13" s="1" t="s">
        <v>35</v>
      </c>
      <c r="Q13" s="1" t="s">
        <v>63</v>
      </c>
      <c r="S13" s="1" t="s">
        <v>101</v>
      </c>
      <c r="U13" s="1">
        <v>8.6999999999999993</v>
      </c>
      <c r="V13" s="1" t="s">
        <v>515</v>
      </c>
      <c r="W13" s="1" t="s">
        <v>508</v>
      </c>
      <c r="X13" s="1">
        <v>0.25</v>
      </c>
      <c r="Y13" s="1">
        <v>2.9000000000000001E-2</v>
      </c>
      <c r="Z13" s="1">
        <v>8.0000000000000004E-4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5.0000000000000001E-3</v>
      </c>
      <c r="BO13" s="1"/>
      <c r="BP13" s="1"/>
      <c r="BQ13" s="1">
        <v>31.67</v>
      </c>
      <c r="BR13" s="1"/>
      <c r="BS13" s="1"/>
      <c r="BT13" s="1">
        <v>4</v>
      </c>
      <c r="BU13" s="1"/>
      <c r="BV13" s="1"/>
      <c r="BW13" s="1"/>
      <c r="BX13" s="1"/>
      <c r="BY13" s="1"/>
      <c r="BZ13" s="1"/>
    </row>
    <row r="14" spans="1:78" x14ac:dyDescent="0.15">
      <c r="B14" s="2">
        <v>0.42430555555555555</v>
      </c>
      <c r="C14" s="1" t="s">
        <v>478</v>
      </c>
      <c r="D14" s="1" t="s">
        <v>27</v>
      </c>
      <c r="E14" s="1" t="s">
        <v>70</v>
      </c>
      <c r="G14" s="1" t="s">
        <v>353</v>
      </c>
      <c r="J14" s="1" t="s">
        <v>392</v>
      </c>
      <c r="N14" s="1" t="s">
        <v>33</v>
      </c>
      <c r="P14" s="1" t="s">
        <v>35</v>
      </c>
      <c r="Q14" s="1" t="s">
        <v>36</v>
      </c>
      <c r="S14" s="1" t="s">
        <v>201</v>
      </c>
      <c r="U14" s="1">
        <v>7</v>
      </c>
      <c r="V14" s="1"/>
      <c r="W14" s="1"/>
      <c r="X14" s="1">
        <v>0.15</v>
      </c>
      <c r="Y14" s="1">
        <v>1.7999999999999999E-2</v>
      </c>
      <c r="Z14" s="1" t="s">
        <v>51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0</v>
      </c>
      <c r="BC14" s="1">
        <v>0.04</v>
      </c>
      <c r="BD14" s="1" t="s">
        <v>522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1.2999999999999999E-2</v>
      </c>
      <c r="BO14" s="1"/>
      <c r="BP14" s="1"/>
      <c r="BQ14" s="1">
        <v>33.96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2430555555555555</v>
      </c>
      <c r="C15" s="1" t="s">
        <v>553</v>
      </c>
      <c r="D15" s="1" t="s">
        <v>27</v>
      </c>
      <c r="E15" s="1" t="s">
        <v>70</v>
      </c>
      <c r="J15" s="1" t="s">
        <v>233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376</v>
      </c>
      <c r="B16" s="2">
        <v>0.39652777777777781</v>
      </c>
      <c r="C16" s="1" t="s">
        <v>476</v>
      </c>
      <c r="D16" s="1" t="s">
        <v>43</v>
      </c>
      <c r="E16" s="1" t="s">
        <v>477</v>
      </c>
      <c r="F16" s="1" t="s">
        <v>230</v>
      </c>
      <c r="G16" s="1" t="s">
        <v>360</v>
      </c>
      <c r="J16" s="1" t="s">
        <v>30</v>
      </c>
      <c r="K16" s="1" t="s">
        <v>393</v>
      </c>
      <c r="M16" s="1" t="s">
        <v>171</v>
      </c>
      <c r="N16" s="1" t="s">
        <v>33</v>
      </c>
      <c r="O16" s="1" t="s">
        <v>92</v>
      </c>
      <c r="P16" s="1" t="s">
        <v>35</v>
      </c>
      <c r="Q16" s="1" t="s">
        <v>36</v>
      </c>
      <c r="S16" s="1" t="s">
        <v>111</v>
      </c>
      <c r="U16" s="1">
        <v>6.2</v>
      </c>
      <c r="V16" s="1"/>
      <c r="W16" s="1"/>
      <c r="X16" s="1">
        <v>0.3</v>
      </c>
      <c r="Y16" s="1">
        <v>4.5999999999999999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7.0000000000000007E-2</v>
      </c>
      <c r="BD16" s="1">
        <v>0.12</v>
      </c>
      <c r="BE16" s="1"/>
      <c r="BF16" s="1"/>
      <c r="BG16" s="1"/>
      <c r="BH16" s="1"/>
      <c r="BI16" s="1"/>
      <c r="BJ16" s="1"/>
      <c r="BK16" s="1"/>
      <c r="BL16" s="1"/>
      <c r="BM16" s="1">
        <v>0.08</v>
      </c>
      <c r="BN16" s="1">
        <v>3.5999999999999997E-2</v>
      </c>
      <c r="BO16" s="1"/>
      <c r="BP16" s="1"/>
      <c r="BQ16" s="1">
        <v>31.7</v>
      </c>
      <c r="BR16" s="1"/>
      <c r="BS16" s="1"/>
      <c r="BT16" s="1">
        <v>2.1</v>
      </c>
      <c r="BU16" s="1"/>
      <c r="BV16" s="1"/>
      <c r="BW16" s="1"/>
      <c r="BX16" s="1"/>
      <c r="BY16" s="1"/>
      <c r="BZ16" s="1"/>
    </row>
    <row r="17" spans="1:78" x14ac:dyDescent="0.15">
      <c r="B17" s="2">
        <v>0.39652777777777781</v>
      </c>
      <c r="C17" s="1" t="s">
        <v>478</v>
      </c>
      <c r="D17" s="1" t="s">
        <v>43</v>
      </c>
      <c r="E17" s="1" t="s">
        <v>477</v>
      </c>
      <c r="G17" s="1" t="s">
        <v>270</v>
      </c>
      <c r="J17" s="1" t="s">
        <v>394</v>
      </c>
      <c r="N17" s="1" t="s">
        <v>33</v>
      </c>
      <c r="P17" s="1" t="s">
        <v>35</v>
      </c>
      <c r="Q17" s="1" t="s">
        <v>36</v>
      </c>
      <c r="S17" s="1" t="s">
        <v>191</v>
      </c>
      <c r="U17" s="1">
        <v>6.2</v>
      </c>
      <c r="V17" s="1"/>
      <c r="W17" s="1"/>
      <c r="X17" s="1">
        <v>0.12</v>
      </c>
      <c r="Y17" s="1">
        <v>2.1000000000000001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0</v>
      </c>
      <c r="BC17" s="1">
        <v>0.08</v>
      </c>
      <c r="BD17" s="1">
        <v>0.13</v>
      </c>
      <c r="BE17" s="1"/>
      <c r="BF17" s="1"/>
      <c r="BG17" s="1"/>
      <c r="BH17" s="1"/>
      <c r="BI17" s="1"/>
      <c r="BJ17" s="1"/>
      <c r="BK17" s="1"/>
      <c r="BL17" s="1"/>
      <c r="BM17" s="1" t="s">
        <v>533</v>
      </c>
      <c r="BN17" s="1">
        <v>1.4E-2</v>
      </c>
      <c r="BO17" s="1"/>
      <c r="BP17" s="1"/>
      <c r="BQ17" s="1">
        <v>34.2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9652777777777781</v>
      </c>
      <c r="C18" s="1" t="s">
        <v>553</v>
      </c>
      <c r="D18" s="1" t="s">
        <v>43</v>
      </c>
      <c r="E18" s="1" t="s">
        <v>477</v>
      </c>
      <c r="J18" s="1" t="s">
        <v>99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0347222222222223</v>
      </c>
      <c r="C19" s="1" t="s">
        <v>476</v>
      </c>
      <c r="D19" s="1" t="s">
        <v>43</v>
      </c>
      <c r="E19" s="1" t="s">
        <v>70</v>
      </c>
      <c r="F19" s="1" t="s">
        <v>193</v>
      </c>
      <c r="G19" s="1" t="s">
        <v>94</v>
      </c>
      <c r="J19" s="1" t="s">
        <v>30</v>
      </c>
      <c r="K19" s="1" t="s">
        <v>395</v>
      </c>
      <c r="M19" s="1" t="s">
        <v>119</v>
      </c>
      <c r="N19" s="1" t="s">
        <v>33</v>
      </c>
      <c r="O19" s="1" t="s">
        <v>92</v>
      </c>
      <c r="P19" s="1" t="s">
        <v>35</v>
      </c>
      <c r="Q19" s="1" t="s">
        <v>36</v>
      </c>
      <c r="S19" s="1" t="s">
        <v>126</v>
      </c>
      <c r="U19" s="1">
        <v>9.9</v>
      </c>
      <c r="V19" s="1"/>
      <c r="W19" s="1"/>
      <c r="X19" s="1">
        <v>0.38</v>
      </c>
      <c r="Y19" s="1">
        <v>5.0999999999999997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18</v>
      </c>
      <c r="BD19" s="1">
        <v>0.23</v>
      </c>
      <c r="BE19" s="1"/>
      <c r="BF19" s="1"/>
      <c r="BG19" s="1"/>
      <c r="BH19" s="1"/>
      <c r="BI19" s="1"/>
      <c r="BJ19" s="1"/>
      <c r="BK19" s="1"/>
      <c r="BL19" s="1"/>
      <c r="BM19" s="1" t="s">
        <v>533</v>
      </c>
      <c r="BN19" s="1">
        <v>1.7999999999999999E-2</v>
      </c>
      <c r="BO19" s="1"/>
      <c r="BP19" s="1"/>
      <c r="BQ19" s="1">
        <v>30.32</v>
      </c>
      <c r="BR19" s="1" t="s">
        <v>531</v>
      </c>
      <c r="BS19" s="1"/>
      <c r="BT19" s="1">
        <v>7.1</v>
      </c>
      <c r="BU19" s="1"/>
      <c r="BV19" s="1"/>
      <c r="BW19" s="1"/>
      <c r="BX19" s="1"/>
      <c r="BY19" s="1"/>
      <c r="BZ19" s="1"/>
    </row>
    <row r="20" spans="1:78" x14ac:dyDescent="0.15">
      <c r="B20" s="2">
        <v>0.40347222222222223</v>
      </c>
      <c r="C20" s="1" t="s">
        <v>478</v>
      </c>
      <c r="D20" s="1" t="s">
        <v>43</v>
      </c>
      <c r="E20" s="1" t="s">
        <v>70</v>
      </c>
      <c r="G20" s="1" t="s">
        <v>78</v>
      </c>
      <c r="J20" s="1" t="s">
        <v>391</v>
      </c>
      <c r="N20" s="1" t="s">
        <v>33</v>
      </c>
      <c r="P20" s="1" t="s">
        <v>35</v>
      </c>
      <c r="Q20" s="1" t="s">
        <v>40</v>
      </c>
      <c r="S20" s="1" t="s">
        <v>286</v>
      </c>
      <c r="U20" s="1">
        <v>6.9</v>
      </c>
      <c r="V20" s="1"/>
      <c r="W20" s="1"/>
      <c r="X20" s="1">
        <v>0.26</v>
      </c>
      <c r="Y20" s="1">
        <v>3.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13</v>
      </c>
      <c r="BD20" s="1">
        <v>0.18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2.5999999999999999E-2</v>
      </c>
      <c r="BO20" s="1"/>
      <c r="BP20" s="1"/>
      <c r="BQ20" s="1">
        <v>33.78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0347222222222223</v>
      </c>
      <c r="C21" s="1" t="s">
        <v>553</v>
      </c>
      <c r="D21" s="1" t="s">
        <v>43</v>
      </c>
      <c r="E21" s="1" t="s">
        <v>70</v>
      </c>
      <c r="J21" s="1" t="s">
        <v>348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 t="s">
        <v>509</v>
      </c>
      <c r="AD21" s="1" t="s">
        <v>510</v>
      </c>
      <c r="AE21" s="1">
        <v>1.2999999999999999E-3</v>
      </c>
      <c r="AF21" s="1" t="s">
        <v>512</v>
      </c>
      <c r="AG21" s="1" t="s">
        <v>511</v>
      </c>
      <c r="AH21" s="1" t="s">
        <v>513</v>
      </c>
      <c r="AI21" s="1"/>
      <c r="AJ21" s="1" t="s">
        <v>513</v>
      </c>
      <c r="AK21" s="1" t="s">
        <v>514</v>
      </c>
      <c r="AL21" s="1" t="s">
        <v>514</v>
      </c>
      <c r="AM21" s="1" t="s">
        <v>514</v>
      </c>
      <c r="AN21" s="1" t="s">
        <v>514</v>
      </c>
      <c r="AO21" s="1" t="s">
        <v>514</v>
      </c>
      <c r="AP21" t="s">
        <v>514</v>
      </c>
      <c r="AQ21" s="1" t="s">
        <v>514</v>
      </c>
      <c r="AR21" s="1" t="s">
        <v>514</v>
      </c>
      <c r="AS21" s="1" t="s">
        <v>514</v>
      </c>
      <c r="AT21" s="1" t="s">
        <v>517</v>
      </c>
      <c r="AU21" s="1"/>
      <c r="AV21" s="1"/>
      <c r="AW21" s="1"/>
      <c r="AX21" s="1" t="s">
        <v>514</v>
      </c>
      <c r="AY21" s="1" t="s">
        <v>523</v>
      </c>
      <c r="AZ21" s="1"/>
      <c r="BA21" s="1"/>
      <c r="BB21" s="1"/>
      <c r="BC21" s="1"/>
      <c r="BD21" s="1"/>
      <c r="BE21" s="1" t="s">
        <v>511</v>
      </c>
      <c r="BF21" s="1" t="s">
        <v>511</v>
      </c>
      <c r="BG21" s="1">
        <v>2.2000000000000001E-3</v>
      </c>
      <c r="BH21" s="1" t="s">
        <v>512</v>
      </c>
      <c r="BI21" s="1">
        <v>0.03</v>
      </c>
      <c r="BJ21" s="1"/>
      <c r="BK21" s="1"/>
      <c r="BL21" s="1" t="s">
        <v>518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380</v>
      </c>
      <c r="B22" s="2">
        <v>0.42499999999999999</v>
      </c>
      <c r="C22" s="1" t="s">
        <v>476</v>
      </c>
      <c r="D22" s="1" t="s">
        <v>27</v>
      </c>
      <c r="E22" s="1" t="s">
        <v>477</v>
      </c>
      <c r="F22" s="1" t="s">
        <v>45</v>
      </c>
      <c r="G22" s="1" t="s">
        <v>261</v>
      </c>
      <c r="J22" s="1" t="s">
        <v>30</v>
      </c>
      <c r="K22" s="1" t="s">
        <v>396</v>
      </c>
      <c r="M22" s="1" t="s">
        <v>146</v>
      </c>
      <c r="N22" s="1" t="s">
        <v>33</v>
      </c>
      <c r="O22" s="1" t="s">
        <v>92</v>
      </c>
      <c r="P22" s="1" t="s">
        <v>35</v>
      </c>
      <c r="Q22" s="1" t="s">
        <v>84</v>
      </c>
      <c r="S22" s="1" t="s">
        <v>156</v>
      </c>
      <c r="U22" s="1">
        <v>7.4</v>
      </c>
      <c r="V22" s="1" t="s">
        <v>515</v>
      </c>
      <c r="W22" s="1"/>
      <c r="X22" s="1">
        <v>0.25</v>
      </c>
      <c r="Y22" s="1">
        <v>3.1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1</v>
      </c>
      <c r="BC22" s="1">
        <v>0.09</v>
      </c>
      <c r="BD22" s="1">
        <v>0.14000000000000001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0.02</v>
      </c>
      <c r="BO22" s="1"/>
      <c r="BP22" s="1"/>
      <c r="BQ22" s="1">
        <v>33.35</v>
      </c>
      <c r="BR22" s="1"/>
      <c r="BS22" s="1"/>
      <c r="BT22" s="1">
        <v>1.1000000000000001</v>
      </c>
      <c r="BU22" s="1"/>
      <c r="BV22" s="1"/>
      <c r="BW22" s="1"/>
      <c r="BX22" s="1"/>
      <c r="BY22" s="1"/>
      <c r="BZ22" s="1"/>
    </row>
    <row r="23" spans="1:78" x14ac:dyDescent="0.15">
      <c r="B23" s="2">
        <v>0.42499999999999999</v>
      </c>
      <c r="C23" s="1" t="s">
        <v>478</v>
      </c>
      <c r="D23" s="1" t="s">
        <v>27</v>
      </c>
      <c r="E23" s="1" t="s">
        <v>477</v>
      </c>
      <c r="G23" s="1" t="s">
        <v>233</v>
      </c>
      <c r="J23" s="1" t="s">
        <v>397</v>
      </c>
      <c r="N23" s="1" t="s">
        <v>33</v>
      </c>
      <c r="P23" s="1" t="s">
        <v>35</v>
      </c>
      <c r="Q23" s="1" t="s">
        <v>36</v>
      </c>
      <c r="S23" s="1" t="s">
        <v>286</v>
      </c>
      <c r="U23" s="1">
        <v>7.5</v>
      </c>
      <c r="V23" s="1"/>
      <c r="W23" s="1"/>
      <c r="X23" s="1">
        <v>0.14000000000000001</v>
      </c>
      <c r="Y23" s="1">
        <v>1.7000000000000001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1</v>
      </c>
      <c r="BC23" s="1">
        <v>0.05</v>
      </c>
      <c r="BD23" s="1">
        <v>0.1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0.01</v>
      </c>
      <c r="BO23" s="1"/>
      <c r="BP23" s="1"/>
      <c r="BQ23" s="1">
        <v>33.78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2499999999999999</v>
      </c>
      <c r="C24" s="1" t="s">
        <v>553</v>
      </c>
      <c r="D24" s="1" t="s">
        <v>27</v>
      </c>
      <c r="E24" s="1" t="s">
        <v>477</v>
      </c>
      <c r="J24" s="1" t="s">
        <v>361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39166666666666666</v>
      </c>
      <c r="C25" s="1" t="s">
        <v>476</v>
      </c>
      <c r="D25" s="1" t="s">
        <v>43</v>
      </c>
      <c r="E25" s="1" t="s">
        <v>107</v>
      </c>
      <c r="F25" s="1" t="s">
        <v>79</v>
      </c>
      <c r="G25" s="1" t="s">
        <v>184</v>
      </c>
      <c r="J25" s="1" t="s">
        <v>30</v>
      </c>
      <c r="K25" s="1" t="s">
        <v>389</v>
      </c>
      <c r="M25" s="1" t="s">
        <v>219</v>
      </c>
      <c r="N25" s="1" t="s">
        <v>33</v>
      </c>
      <c r="O25" s="1" t="s">
        <v>92</v>
      </c>
      <c r="P25" s="1" t="s">
        <v>35</v>
      </c>
      <c r="Q25" s="1" t="s">
        <v>36</v>
      </c>
      <c r="S25" s="1" t="s">
        <v>156</v>
      </c>
      <c r="U25" s="1">
        <v>7.1</v>
      </c>
      <c r="V25" s="1"/>
      <c r="W25" s="1"/>
      <c r="X25" s="1">
        <v>0.23</v>
      </c>
      <c r="Y25" s="1">
        <v>2.8000000000000001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08</v>
      </c>
      <c r="BD25" s="1">
        <v>0.13</v>
      </c>
      <c r="BE25" s="1"/>
      <c r="BF25" s="1"/>
      <c r="BG25" s="1"/>
      <c r="BH25" s="1"/>
      <c r="BI25" s="1"/>
      <c r="BJ25" s="1"/>
      <c r="BK25" s="1"/>
      <c r="BL25" s="1"/>
      <c r="BM25" s="1" t="s">
        <v>533</v>
      </c>
      <c r="BN25" s="1">
        <v>1.9E-2</v>
      </c>
      <c r="BO25" s="1"/>
      <c r="BP25" s="1"/>
      <c r="BQ25" s="1">
        <v>33.49</v>
      </c>
      <c r="BR25" s="1"/>
      <c r="BS25" s="1"/>
      <c r="BT25" s="1">
        <v>1.2</v>
      </c>
      <c r="BU25" s="1"/>
      <c r="BV25" s="1"/>
      <c r="BW25" s="1"/>
      <c r="BX25" s="1"/>
      <c r="BY25" s="1"/>
      <c r="BZ25" s="1"/>
    </row>
    <row r="26" spans="1:78" x14ac:dyDescent="0.15">
      <c r="B26" s="2">
        <v>0.39166666666666666</v>
      </c>
      <c r="C26" s="1" t="s">
        <v>478</v>
      </c>
      <c r="D26" s="1" t="s">
        <v>43</v>
      </c>
      <c r="E26" s="1" t="s">
        <v>107</v>
      </c>
      <c r="G26" s="1" t="s">
        <v>112</v>
      </c>
      <c r="J26" s="1" t="s">
        <v>390</v>
      </c>
      <c r="N26" s="1" t="s">
        <v>33</v>
      </c>
      <c r="P26" s="1" t="s">
        <v>35</v>
      </c>
      <c r="Q26" s="1" t="s">
        <v>36</v>
      </c>
      <c r="S26" s="1" t="s">
        <v>286</v>
      </c>
      <c r="U26" s="1">
        <v>6.8</v>
      </c>
      <c r="V26" s="1"/>
      <c r="W26" s="1"/>
      <c r="X26" s="1">
        <v>0.23</v>
      </c>
      <c r="Y26" s="1">
        <v>2.7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08</v>
      </c>
      <c r="BD26" s="1">
        <v>0.13</v>
      </c>
      <c r="BE26" s="1"/>
      <c r="BF26" s="1"/>
      <c r="BG26" s="1"/>
      <c r="BH26" s="1"/>
      <c r="BI26" s="1"/>
      <c r="BJ26" s="1"/>
      <c r="BK26" s="1"/>
      <c r="BL26" s="1"/>
      <c r="BM26" s="1" t="s">
        <v>533</v>
      </c>
      <c r="BN26" s="1">
        <v>1.9E-2</v>
      </c>
      <c r="BO26" s="1"/>
      <c r="BP26" s="1"/>
      <c r="BQ26" s="1">
        <v>33.71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9166666666666666</v>
      </c>
      <c r="C27" s="1" t="s">
        <v>553</v>
      </c>
      <c r="D27" s="1" t="s">
        <v>43</v>
      </c>
      <c r="E27" s="1" t="s">
        <v>107</v>
      </c>
      <c r="J27" s="1" t="s">
        <v>233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40833333333333338</v>
      </c>
      <c r="C28" s="1" t="s">
        <v>476</v>
      </c>
      <c r="D28" s="1" t="s">
        <v>43</v>
      </c>
      <c r="E28" s="1" t="s">
        <v>70</v>
      </c>
      <c r="F28" s="1" t="s">
        <v>179</v>
      </c>
      <c r="G28" s="1" t="s">
        <v>39</v>
      </c>
      <c r="J28" s="1" t="s">
        <v>30</v>
      </c>
      <c r="K28" s="1" t="s">
        <v>398</v>
      </c>
      <c r="M28" s="1" t="s">
        <v>63</v>
      </c>
      <c r="N28" s="1" t="s">
        <v>33</v>
      </c>
      <c r="O28" s="1" t="s">
        <v>92</v>
      </c>
      <c r="P28" s="1" t="s">
        <v>35</v>
      </c>
      <c r="Q28" s="1" t="s">
        <v>36</v>
      </c>
      <c r="S28" s="1" t="s">
        <v>311</v>
      </c>
      <c r="U28" s="1">
        <v>8.6</v>
      </c>
      <c r="V28" s="1"/>
      <c r="W28" s="1"/>
      <c r="X28" s="1">
        <v>0.28999999999999998</v>
      </c>
      <c r="Y28" s="1">
        <v>0.03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2</v>
      </c>
      <c r="BC28" s="1">
        <v>0.11</v>
      </c>
      <c r="BD28" s="1">
        <v>0.16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1.4999999999999999E-2</v>
      </c>
      <c r="BO28" s="1"/>
      <c r="BP28" s="1"/>
      <c r="BQ28" s="1">
        <v>33.72</v>
      </c>
      <c r="BR28" s="1"/>
      <c r="BS28" s="1"/>
      <c r="BT28" s="1">
        <v>1.9</v>
      </c>
      <c r="BU28" s="1"/>
      <c r="BV28" s="1"/>
      <c r="BW28" s="1"/>
      <c r="BX28" s="1"/>
      <c r="BY28" s="1"/>
      <c r="BZ28" s="1"/>
    </row>
    <row r="29" spans="1:78" x14ac:dyDescent="0.15">
      <c r="B29" s="2">
        <v>0.40833333333333338</v>
      </c>
      <c r="C29" s="1" t="s">
        <v>478</v>
      </c>
      <c r="D29" s="1" t="s">
        <v>43</v>
      </c>
      <c r="E29" s="1" t="s">
        <v>70</v>
      </c>
      <c r="G29" s="1" t="s">
        <v>103</v>
      </c>
      <c r="J29" s="1" t="s">
        <v>399</v>
      </c>
      <c r="N29" s="1" t="s">
        <v>33</v>
      </c>
      <c r="P29" s="1" t="s">
        <v>35</v>
      </c>
      <c r="Q29" s="1" t="s">
        <v>36</v>
      </c>
      <c r="S29" s="1" t="s">
        <v>225</v>
      </c>
      <c r="U29" s="1">
        <v>8.5</v>
      </c>
      <c r="V29" s="1"/>
      <c r="W29" s="1"/>
      <c r="X29" s="1">
        <v>0.27</v>
      </c>
      <c r="Y29" s="1">
        <v>2.5999999999999999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2</v>
      </c>
      <c r="BC29" s="1">
        <v>0.1</v>
      </c>
      <c r="BD29" s="1">
        <v>0.15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1.4999999999999999E-2</v>
      </c>
      <c r="BO29" s="1"/>
      <c r="BP29" s="1"/>
      <c r="BQ29" s="1">
        <v>33.76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0833333333333338</v>
      </c>
      <c r="C30" s="1" t="s">
        <v>553</v>
      </c>
      <c r="D30" s="1" t="s">
        <v>43</v>
      </c>
      <c r="E30" s="1" t="s">
        <v>70</v>
      </c>
      <c r="J30" s="1" t="s">
        <v>270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83</v>
      </c>
      <c r="B31" s="2">
        <v>0.43194444444444446</v>
      </c>
      <c r="C31" s="1" t="s">
        <v>476</v>
      </c>
      <c r="D31" s="1" t="s">
        <v>43</v>
      </c>
      <c r="E31" s="1" t="s">
        <v>477</v>
      </c>
      <c r="F31" s="1" t="s">
        <v>352</v>
      </c>
      <c r="G31" s="1" t="s">
        <v>198</v>
      </c>
      <c r="J31" s="1" t="s">
        <v>30</v>
      </c>
      <c r="K31" s="1" t="s">
        <v>400</v>
      </c>
      <c r="M31" s="1" t="s">
        <v>127</v>
      </c>
      <c r="N31" s="1" t="s">
        <v>33</v>
      </c>
      <c r="O31" s="1" t="s">
        <v>92</v>
      </c>
      <c r="P31" s="1" t="s">
        <v>35</v>
      </c>
      <c r="Q31" s="1" t="s">
        <v>84</v>
      </c>
      <c r="S31" s="1" t="s">
        <v>311</v>
      </c>
      <c r="U31" s="1">
        <v>8.9</v>
      </c>
      <c r="V31" s="1" t="s">
        <v>515</v>
      </c>
      <c r="W31" s="1" t="s">
        <v>508</v>
      </c>
      <c r="X31" s="1">
        <v>0.2</v>
      </c>
      <c r="Y31" s="1">
        <v>1.7999999999999999E-2</v>
      </c>
      <c r="Z31" s="1">
        <v>8.0000000000000004E-4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10</v>
      </c>
      <c r="BC31" s="1">
        <v>0.11</v>
      </c>
      <c r="BD31" s="1">
        <v>0.16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0.01</v>
      </c>
      <c r="BO31" s="1"/>
      <c r="BP31" s="1"/>
      <c r="BQ31" s="1">
        <v>33.9</v>
      </c>
      <c r="BR31" s="1"/>
      <c r="BS31" s="1"/>
      <c r="BT31" s="1">
        <v>0.7</v>
      </c>
      <c r="BU31" s="1"/>
      <c r="BV31" s="1"/>
      <c r="BW31" s="1"/>
      <c r="BX31" s="1"/>
      <c r="BY31" s="1"/>
      <c r="BZ31" s="1"/>
    </row>
    <row r="32" spans="1:78" x14ac:dyDescent="0.15">
      <c r="B32" s="2">
        <v>0.43194444444444446</v>
      </c>
      <c r="C32" s="1" t="s">
        <v>478</v>
      </c>
      <c r="D32" s="1" t="s">
        <v>43</v>
      </c>
      <c r="E32" s="1" t="s">
        <v>477</v>
      </c>
      <c r="G32" s="1" t="s">
        <v>279</v>
      </c>
      <c r="J32" s="1" t="s">
        <v>398</v>
      </c>
      <c r="N32" s="1" t="s">
        <v>33</v>
      </c>
      <c r="P32" s="1" t="s">
        <v>35</v>
      </c>
      <c r="Q32" s="1" t="s">
        <v>84</v>
      </c>
      <c r="S32" s="1" t="s">
        <v>62</v>
      </c>
      <c r="U32" s="1">
        <v>8.3000000000000007</v>
      </c>
      <c r="V32" s="1"/>
      <c r="W32" s="1"/>
      <c r="X32" s="1">
        <v>0.28999999999999998</v>
      </c>
      <c r="Y32" s="1">
        <v>1.9E-2</v>
      </c>
      <c r="Z32" s="1">
        <v>8.9999999999999998E-4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12</v>
      </c>
      <c r="BD32" s="1">
        <v>0.17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0.01</v>
      </c>
      <c r="BO32" s="1"/>
      <c r="BP32" s="1"/>
      <c r="BQ32" s="1">
        <v>34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3194444444444446</v>
      </c>
      <c r="C33" s="1" t="s">
        <v>553</v>
      </c>
      <c r="D33" s="1" t="s">
        <v>43</v>
      </c>
      <c r="E33" s="1" t="s">
        <v>477</v>
      </c>
      <c r="J33" s="1" t="s">
        <v>290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9861111111111108</v>
      </c>
      <c r="C34" s="1" t="s">
        <v>476</v>
      </c>
      <c r="D34" s="1" t="s">
        <v>43</v>
      </c>
      <c r="E34" s="1" t="s">
        <v>477</v>
      </c>
      <c r="F34" s="1" t="s">
        <v>95</v>
      </c>
      <c r="G34" s="1" t="s">
        <v>271</v>
      </c>
      <c r="J34" s="1" t="s">
        <v>30</v>
      </c>
      <c r="K34" s="1" t="s">
        <v>385</v>
      </c>
      <c r="M34" s="1" t="s">
        <v>401</v>
      </c>
      <c r="N34" s="1" t="s">
        <v>33</v>
      </c>
      <c r="O34" s="1" t="s">
        <v>92</v>
      </c>
      <c r="P34" s="1" t="s">
        <v>35</v>
      </c>
      <c r="Q34" s="1" t="s">
        <v>84</v>
      </c>
      <c r="S34" s="1" t="s">
        <v>301</v>
      </c>
      <c r="U34" s="1">
        <v>9.1999999999999993</v>
      </c>
      <c r="V34" s="1"/>
      <c r="W34" s="1"/>
      <c r="X34" s="1">
        <v>0.37</v>
      </c>
      <c r="Y34" s="1">
        <v>1.9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0.21</v>
      </c>
      <c r="BD34" s="1">
        <v>0.26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8.9999999999999993E-3</v>
      </c>
      <c r="BO34" s="1"/>
      <c r="BP34" s="1"/>
      <c r="BQ34" s="1">
        <v>33.19</v>
      </c>
      <c r="BR34" s="1"/>
      <c r="BS34" s="1"/>
      <c r="BT34" s="1">
        <v>2</v>
      </c>
      <c r="BU34" s="1"/>
      <c r="BV34" s="1"/>
      <c r="BW34" s="1"/>
      <c r="BX34" s="1"/>
      <c r="BY34" s="1"/>
      <c r="BZ34" s="1"/>
    </row>
    <row r="35" spans="1:78" x14ac:dyDescent="0.15">
      <c r="B35" s="2">
        <v>0.39861111111111108</v>
      </c>
      <c r="C35" s="1" t="s">
        <v>478</v>
      </c>
      <c r="D35" s="1" t="s">
        <v>43</v>
      </c>
      <c r="E35" s="1" t="s">
        <v>477</v>
      </c>
      <c r="G35" s="1" t="s">
        <v>120</v>
      </c>
      <c r="J35" s="1" t="s">
        <v>386</v>
      </c>
      <c r="N35" s="1" t="s">
        <v>33</v>
      </c>
      <c r="P35" s="1" t="s">
        <v>35</v>
      </c>
      <c r="Q35" s="1" t="s">
        <v>84</v>
      </c>
      <c r="S35" s="1" t="s">
        <v>286</v>
      </c>
      <c r="U35" s="1">
        <v>8.5</v>
      </c>
      <c r="V35" s="1"/>
      <c r="W35" s="1"/>
      <c r="X35" s="1">
        <v>0.26</v>
      </c>
      <c r="Y35" s="1">
        <v>2.1999999999999999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17</v>
      </c>
      <c r="BD35" s="1">
        <v>0.22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1.0999999999999999E-2</v>
      </c>
      <c r="BO35" s="1"/>
      <c r="BP35" s="1"/>
      <c r="BQ35" s="1">
        <v>33.85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9861111111111108</v>
      </c>
      <c r="C36" s="1" t="s">
        <v>553</v>
      </c>
      <c r="D36" s="1" t="s">
        <v>43</v>
      </c>
      <c r="E36" s="1" t="s">
        <v>477</v>
      </c>
      <c r="J36" s="1" t="s">
        <v>200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1" spans="21:21" x14ac:dyDescent="0.15">
      <c r="U1481" s="1"/>
    </row>
    <row r="1482" spans="21:21" x14ac:dyDescent="0.15">
      <c r="U1482" s="1"/>
    </row>
    <row r="1483" spans="21:21" x14ac:dyDescent="0.15">
      <c r="U1483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0" spans="21:21" x14ac:dyDescent="0.15">
      <c r="U1500" s="1"/>
    </row>
    <row r="1501" spans="21:21" x14ac:dyDescent="0.15">
      <c r="U1501" s="1"/>
    </row>
    <row r="1502" spans="21:21" x14ac:dyDescent="0.15">
      <c r="U1502" s="1"/>
    </row>
    <row r="1503" spans="21:21" x14ac:dyDescent="0.15">
      <c r="U1503" s="1"/>
    </row>
    <row r="1504" spans="21:21" x14ac:dyDescent="0.15">
      <c r="U1504" s="1"/>
    </row>
    <row r="1505" spans="21:21" x14ac:dyDescent="0.15">
      <c r="U1505" s="1"/>
    </row>
    <row r="1506" spans="21:21" x14ac:dyDescent="0.15">
      <c r="U1506" s="1"/>
    </row>
    <row r="1507" spans="21:21" x14ac:dyDescent="0.15">
      <c r="U1507" s="1"/>
    </row>
    <row r="1508" spans="21:21" x14ac:dyDescent="0.15">
      <c r="U1508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  <row r="1512" spans="21:21" x14ac:dyDescent="0.15">
      <c r="U1512" s="1"/>
    </row>
    <row r="1513" spans="21:21" x14ac:dyDescent="0.15">
      <c r="U1513" s="1"/>
    </row>
    <row r="1514" spans="21:21" x14ac:dyDescent="0.15">
      <c r="U1514" s="1"/>
    </row>
    <row r="1515" spans="21:21" x14ac:dyDescent="0.15">
      <c r="U1515" s="1"/>
    </row>
    <row r="1516" spans="21:21" x14ac:dyDescent="0.15">
      <c r="U1516" s="1"/>
    </row>
    <row r="1517" spans="21:21" x14ac:dyDescent="0.15">
      <c r="U1517" s="1"/>
    </row>
    <row r="1518" spans="21:21" x14ac:dyDescent="0.15">
      <c r="U1518" s="1"/>
    </row>
    <row r="1519" spans="21:21" x14ac:dyDescent="0.15">
      <c r="U1519" s="1"/>
    </row>
    <row r="1520" spans="21:21" x14ac:dyDescent="0.15">
      <c r="U1520" s="1"/>
    </row>
    <row r="1521" spans="21:21" x14ac:dyDescent="0.15">
      <c r="U1521" s="1"/>
    </row>
    <row r="1522" spans="21:21" x14ac:dyDescent="0.15">
      <c r="U1522" s="1"/>
    </row>
    <row r="1523" spans="21:21" x14ac:dyDescent="0.15">
      <c r="U1523" s="1"/>
    </row>
    <row r="1524" spans="21:21" x14ac:dyDescent="0.15">
      <c r="U1524" s="1"/>
    </row>
    <row r="1525" spans="21:21" x14ac:dyDescent="0.15">
      <c r="U1525" s="1"/>
    </row>
    <row r="1526" spans="21:21" x14ac:dyDescent="0.15">
      <c r="U1526" s="1"/>
    </row>
    <row r="1527" spans="21:21" x14ac:dyDescent="0.15">
      <c r="U1527" s="1"/>
    </row>
    <row r="1528" spans="21:21" x14ac:dyDescent="0.15">
      <c r="U1528" s="1"/>
    </row>
    <row r="1529" spans="21:21" x14ac:dyDescent="0.15">
      <c r="U1529" s="1"/>
    </row>
    <row r="1530" spans="21:21" x14ac:dyDescent="0.15">
      <c r="U1530" s="1"/>
    </row>
    <row r="1535" spans="21:21" x14ac:dyDescent="0.15">
      <c r="U1535" s="1"/>
    </row>
    <row r="1536" spans="21:21" x14ac:dyDescent="0.15">
      <c r="U1536" s="1"/>
    </row>
    <row r="1537" spans="21:21" x14ac:dyDescent="0.15">
      <c r="U1537" s="1"/>
    </row>
    <row r="1538" spans="21:21" x14ac:dyDescent="0.15">
      <c r="U1538" s="1"/>
    </row>
    <row r="1539" spans="21:21" x14ac:dyDescent="0.15">
      <c r="U1539" s="1"/>
    </row>
    <row r="1540" spans="21:21" x14ac:dyDescent="0.15">
      <c r="U1540" s="1"/>
    </row>
    <row r="1541" spans="21:21" x14ac:dyDescent="0.15">
      <c r="U1541" s="1"/>
    </row>
    <row r="1542" spans="21:21" x14ac:dyDescent="0.15">
      <c r="U1542" s="1"/>
    </row>
    <row r="1543" spans="21:21" x14ac:dyDescent="0.15">
      <c r="U1543" s="1"/>
    </row>
    <row r="1544" spans="21:21" x14ac:dyDescent="0.15">
      <c r="U1544" s="1"/>
    </row>
    <row r="1545" spans="21:21" x14ac:dyDescent="0.15">
      <c r="U1545" s="1"/>
    </row>
    <row r="1546" spans="21:21" x14ac:dyDescent="0.15">
      <c r="U1546" s="1"/>
    </row>
    <row r="1547" spans="21:21" x14ac:dyDescent="0.15">
      <c r="U1547" s="1"/>
    </row>
    <row r="1548" spans="21:21" x14ac:dyDescent="0.15">
      <c r="U1548" s="1"/>
    </row>
    <row r="1549" spans="21:21" x14ac:dyDescent="0.15">
      <c r="U1549" s="1"/>
    </row>
    <row r="1550" spans="21:21" x14ac:dyDescent="0.15">
      <c r="U1550" s="1"/>
    </row>
    <row r="1551" spans="21:21" x14ac:dyDescent="0.15">
      <c r="U1551" s="1"/>
    </row>
    <row r="1552" spans="21:21" x14ac:dyDescent="0.15">
      <c r="U1552" s="1"/>
    </row>
    <row r="1553" spans="21:21" x14ac:dyDescent="0.15">
      <c r="U1553" s="1"/>
    </row>
    <row r="1554" spans="21:21" x14ac:dyDescent="0.15">
      <c r="U1554" s="1"/>
    </row>
    <row r="1555" spans="21:21" x14ac:dyDescent="0.15">
      <c r="U1555" s="1"/>
    </row>
    <row r="1556" spans="21:21" x14ac:dyDescent="0.15">
      <c r="U1556" s="1"/>
    </row>
    <row r="1557" spans="21:21" x14ac:dyDescent="0.15">
      <c r="U1557" s="1"/>
    </row>
    <row r="1558" spans="21:21" x14ac:dyDescent="0.15">
      <c r="U1558" s="1"/>
    </row>
    <row r="1559" spans="21:21" x14ac:dyDescent="0.15">
      <c r="U1559" s="1"/>
    </row>
    <row r="1560" spans="21:21" x14ac:dyDescent="0.15">
      <c r="U1560" s="1"/>
    </row>
    <row r="1561" spans="21:21" x14ac:dyDescent="0.15">
      <c r="U1561" s="1"/>
    </row>
    <row r="1562" spans="21:21" x14ac:dyDescent="0.15">
      <c r="U1562" s="1"/>
    </row>
    <row r="1563" spans="21:21" x14ac:dyDescent="0.15">
      <c r="U1563" s="1"/>
    </row>
    <row r="1564" spans="21:21" x14ac:dyDescent="0.15">
      <c r="U1564" s="1"/>
    </row>
    <row r="1565" spans="21:21" x14ac:dyDescent="0.15">
      <c r="U1565" s="1"/>
    </row>
    <row r="1566" spans="21:21" x14ac:dyDescent="0.15">
      <c r="U1566" s="1"/>
    </row>
    <row r="1567" spans="21:21" x14ac:dyDescent="0.15">
      <c r="U1567" s="1"/>
    </row>
    <row r="1568" spans="21:21" x14ac:dyDescent="0.15">
      <c r="U1568" s="1"/>
    </row>
    <row r="1573" spans="21:21" x14ac:dyDescent="0.15">
      <c r="U1573" s="1"/>
    </row>
    <row r="1574" spans="21:21" x14ac:dyDescent="0.15">
      <c r="U1574" s="1"/>
    </row>
    <row r="1575" spans="21:21" x14ac:dyDescent="0.15">
      <c r="U1575" s="1"/>
    </row>
    <row r="1576" spans="21:21" x14ac:dyDescent="0.15">
      <c r="U1576" s="1"/>
    </row>
    <row r="1577" spans="21:21" x14ac:dyDescent="0.15">
      <c r="U1577" s="1"/>
    </row>
    <row r="1578" spans="21:21" x14ac:dyDescent="0.15">
      <c r="U1578" s="1"/>
    </row>
    <row r="1579" spans="21:21" x14ac:dyDescent="0.15">
      <c r="U1579" s="1"/>
    </row>
    <row r="1580" spans="21:21" x14ac:dyDescent="0.15">
      <c r="U1580" s="1"/>
    </row>
    <row r="1581" spans="21:21" x14ac:dyDescent="0.15">
      <c r="U1581" s="1"/>
    </row>
    <row r="1582" spans="21:21" x14ac:dyDescent="0.15">
      <c r="U1582" s="1"/>
    </row>
    <row r="1583" spans="21:21" x14ac:dyDescent="0.15">
      <c r="U1583" s="1"/>
    </row>
    <row r="1584" spans="21:21" x14ac:dyDescent="0.15">
      <c r="U1584" s="1"/>
    </row>
    <row r="1585" spans="21:21" x14ac:dyDescent="0.15">
      <c r="U1585" s="1"/>
    </row>
    <row r="1586" spans="21:21" x14ac:dyDescent="0.15">
      <c r="U1586" s="1"/>
    </row>
    <row r="1587" spans="21:21" x14ac:dyDescent="0.15">
      <c r="U1587" s="1"/>
    </row>
    <row r="1588" spans="21:21" x14ac:dyDescent="0.15">
      <c r="U1588" s="1"/>
    </row>
    <row r="1589" spans="21:21" x14ac:dyDescent="0.15">
      <c r="U1589" s="1"/>
    </row>
    <row r="1590" spans="21:21" x14ac:dyDescent="0.15">
      <c r="U1590" s="1"/>
    </row>
    <row r="1591" spans="21:21" x14ac:dyDescent="0.15">
      <c r="U1591" s="1"/>
    </row>
    <row r="1592" spans="21:21" x14ac:dyDescent="0.15">
      <c r="U1592" s="1"/>
    </row>
    <row r="1593" spans="21:21" x14ac:dyDescent="0.15">
      <c r="U1593" s="1"/>
    </row>
    <row r="1594" spans="21:21" x14ac:dyDescent="0.15">
      <c r="U1594" s="1"/>
    </row>
    <row r="1595" spans="21:21" x14ac:dyDescent="0.15">
      <c r="U1595" s="1"/>
    </row>
    <row r="1596" spans="21:21" x14ac:dyDescent="0.15">
      <c r="U1596" s="1"/>
    </row>
    <row r="1597" spans="21:21" x14ac:dyDescent="0.15">
      <c r="U1597" s="1"/>
    </row>
    <row r="1598" spans="21:21" x14ac:dyDescent="0.15">
      <c r="U1598" s="1"/>
    </row>
    <row r="1599" spans="21:21" x14ac:dyDescent="0.15">
      <c r="U1599" s="1"/>
    </row>
    <row r="1600" spans="21:21" x14ac:dyDescent="0.15">
      <c r="U1600" s="1"/>
    </row>
    <row r="1601" spans="21:21" x14ac:dyDescent="0.15">
      <c r="U1601" s="1"/>
    </row>
    <row r="1602" spans="21:21" x14ac:dyDescent="0.15">
      <c r="U1602" s="1"/>
    </row>
    <row r="1603" spans="21:21" x14ac:dyDescent="0.15">
      <c r="U1603" s="1"/>
    </row>
    <row r="1604" spans="21:21" x14ac:dyDescent="0.15">
      <c r="U1604" s="1"/>
    </row>
    <row r="1605" spans="21:21" x14ac:dyDescent="0.15">
      <c r="U1605" s="1"/>
    </row>
    <row r="1606" spans="21:21" x14ac:dyDescent="0.15">
      <c r="U1606" s="1"/>
    </row>
    <row r="1611" spans="21:21" x14ac:dyDescent="0.15">
      <c r="U1611" s="1"/>
    </row>
    <row r="1612" spans="21:21" x14ac:dyDescent="0.15">
      <c r="U1612" s="1"/>
    </row>
    <row r="1613" spans="21:21" x14ac:dyDescent="0.15">
      <c r="U1613" s="1"/>
    </row>
    <row r="1614" spans="21:21" x14ac:dyDescent="0.15">
      <c r="U1614" s="1"/>
    </row>
    <row r="1615" spans="21:21" x14ac:dyDescent="0.15">
      <c r="U1615" s="1"/>
    </row>
    <row r="1616" spans="21:21" x14ac:dyDescent="0.15">
      <c r="U1616" s="1"/>
    </row>
    <row r="1617" spans="21:21" x14ac:dyDescent="0.15">
      <c r="U1617" s="1"/>
    </row>
    <row r="1618" spans="21:21" x14ac:dyDescent="0.15">
      <c r="U1618" s="1"/>
    </row>
    <row r="1619" spans="21:21" x14ac:dyDescent="0.15">
      <c r="U1619" s="1"/>
    </row>
    <row r="1620" spans="21:21" x14ac:dyDescent="0.15">
      <c r="U1620" s="1"/>
    </row>
    <row r="1621" spans="21:21" x14ac:dyDescent="0.15">
      <c r="U1621" s="1"/>
    </row>
    <row r="1622" spans="21:21" x14ac:dyDescent="0.15">
      <c r="U1622" s="1"/>
    </row>
    <row r="1623" spans="21:21" x14ac:dyDescent="0.15">
      <c r="U1623" s="1"/>
    </row>
    <row r="1624" spans="21:21" x14ac:dyDescent="0.15">
      <c r="U1624" s="1"/>
    </row>
    <row r="1625" spans="21:21" x14ac:dyDescent="0.15">
      <c r="U1625" s="1"/>
    </row>
    <row r="1626" spans="21:21" x14ac:dyDescent="0.15">
      <c r="U1626" s="1"/>
    </row>
    <row r="1627" spans="21:21" x14ac:dyDescent="0.15">
      <c r="U1627" s="1"/>
    </row>
    <row r="1628" spans="21:21" x14ac:dyDescent="0.15">
      <c r="U1628" s="1"/>
    </row>
    <row r="1629" spans="21:21" x14ac:dyDescent="0.15">
      <c r="U1629" s="1"/>
    </row>
    <row r="1630" spans="21:21" x14ac:dyDescent="0.15">
      <c r="U1630" s="1"/>
    </row>
    <row r="1631" spans="21:21" x14ac:dyDescent="0.15">
      <c r="U1631" s="1"/>
    </row>
    <row r="1632" spans="21:21" x14ac:dyDescent="0.15">
      <c r="U1632" s="1"/>
    </row>
    <row r="1633" spans="21:21" x14ac:dyDescent="0.15">
      <c r="U1633" s="1"/>
    </row>
    <row r="1634" spans="21:21" x14ac:dyDescent="0.15">
      <c r="U1634" s="1"/>
    </row>
    <row r="1635" spans="21:21" x14ac:dyDescent="0.15">
      <c r="U1635" s="1"/>
    </row>
    <row r="1636" spans="21:21" x14ac:dyDescent="0.15">
      <c r="U1636" s="1"/>
    </row>
    <row r="1637" spans="21:21" x14ac:dyDescent="0.15">
      <c r="U1637" s="1"/>
    </row>
    <row r="1638" spans="21:21" x14ac:dyDescent="0.15">
      <c r="U1638" s="1"/>
    </row>
    <row r="1639" spans="21:21" x14ac:dyDescent="0.15">
      <c r="U1639" s="1"/>
    </row>
    <row r="1640" spans="21:21" x14ac:dyDescent="0.15">
      <c r="U1640" s="1"/>
    </row>
    <row r="1641" spans="21:21" x14ac:dyDescent="0.15">
      <c r="U1641" s="1"/>
    </row>
    <row r="1642" spans="21:21" x14ac:dyDescent="0.15">
      <c r="U1642" s="1"/>
    </row>
    <row r="1643" spans="21:21" x14ac:dyDescent="0.15">
      <c r="U1643" s="1"/>
    </row>
    <row r="1644" spans="21:21" x14ac:dyDescent="0.15">
      <c r="U1644" s="1"/>
    </row>
    <row r="1649" spans="21:21" x14ac:dyDescent="0.15">
      <c r="U1649" s="1"/>
    </row>
    <row r="1650" spans="21:21" x14ac:dyDescent="0.15">
      <c r="U1650" s="1"/>
    </row>
    <row r="1651" spans="21:21" x14ac:dyDescent="0.15">
      <c r="U1651" s="1"/>
    </row>
    <row r="1652" spans="21:21" x14ac:dyDescent="0.15">
      <c r="U1652" s="1"/>
    </row>
    <row r="1653" spans="21:21" x14ac:dyDescent="0.15">
      <c r="U1653" s="1"/>
    </row>
    <row r="1654" spans="21:21" x14ac:dyDescent="0.15">
      <c r="U1654" s="1"/>
    </row>
    <row r="1655" spans="21:21" x14ac:dyDescent="0.15">
      <c r="U1655" s="1"/>
    </row>
    <row r="1656" spans="21:21" x14ac:dyDescent="0.15">
      <c r="U1656" s="1"/>
    </row>
    <row r="1657" spans="21:21" x14ac:dyDescent="0.15">
      <c r="U1657" s="1"/>
    </row>
    <row r="1658" spans="21:21" x14ac:dyDescent="0.15">
      <c r="U1658" s="1"/>
    </row>
    <row r="1659" spans="21:21" x14ac:dyDescent="0.15">
      <c r="U1659" s="1"/>
    </row>
    <row r="1660" spans="21:21" x14ac:dyDescent="0.15">
      <c r="U1660" s="1"/>
    </row>
    <row r="1661" spans="21:21" x14ac:dyDescent="0.15">
      <c r="U1661" s="1"/>
    </row>
    <row r="1662" spans="21:21" x14ac:dyDescent="0.15">
      <c r="U1662" s="1"/>
    </row>
    <row r="1663" spans="21:21" x14ac:dyDescent="0.15">
      <c r="U1663" s="1"/>
    </row>
    <row r="1664" spans="21:21" x14ac:dyDescent="0.15">
      <c r="U1664" s="1"/>
    </row>
    <row r="1665" spans="21:21" x14ac:dyDescent="0.15">
      <c r="U1665" s="1"/>
    </row>
    <row r="1666" spans="21:21" x14ac:dyDescent="0.15">
      <c r="U1666" s="1"/>
    </row>
    <row r="1667" spans="21:21" x14ac:dyDescent="0.15">
      <c r="U1667" s="1"/>
    </row>
    <row r="1668" spans="21:21" x14ac:dyDescent="0.15">
      <c r="U1668" s="1"/>
    </row>
    <row r="1669" spans="21:21" x14ac:dyDescent="0.15">
      <c r="U1669" s="1"/>
    </row>
    <row r="1670" spans="21:21" x14ac:dyDescent="0.15">
      <c r="U1670" s="1"/>
    </row>
    <row r="1671" spans="21:21" x14ac:dyDescent="0.15">
      <c r="U1671" s="1"/>
    </row>
    <row r="1672" spans="21:21" x14ac:dyDescent="0.15">
      <c r="U1672" s="1"/>
    </row>
    <row r="1673" spans="21:21" x14ac:dyDescent="0.15">
      <c r="U1673" s="1"/>
    </row>
    <row r="1674" spans="21:21" x14ac:dyDescent="0.15">
      <c r="U1674" s="1"/>
    </row>
    <row r="1675" spans="21:21" x14ac:dyDescent="0.15">
      <c r="U1675" s="1"/>
    </row>
    <row r="1676" spans="21:21" x14ac:dyDescent="0.15">
      <c r="U1676" s="1"/>
    </row>
    <row r="1677" spans="21:21" x14ac:dyDescent="0.15">
      <c r="U1677" s="1"/>
    </row>
    <row r="1678" spans="21:21" x14ac:dyDescent="0.15">
      <c r="U1678" s="1"/>
    </row>
    <row r="1679" spans="21:21" x14ac:dyDescent="0.15">
      <c r="U1679" s="1"/>
    </row>
    <row r="1680" spans="21:21" x14ac:dyDescent="0.15">
      <c r="U1680" s="1"/>
    </row>
    <row r="1681" spans="21:21" x14ac:dyDescent="0.15">
      <c r="U1681" s="1"/>
    </row>
    <row r="1682" spans="21:21" x14ac:dyDescent="0.15">
      <c r="U1682" s="1"/>
    </row>
  </sheetData>
  <phoneticPr fontId="18"/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40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503</v>
      </c>
      <c r="E1" s="1" t="s">
        <v>2</v>
      </c>
      <c r="F1" s="1" t="s">
        <v>499</v>
      </c>
      <c r="G1" s="1" t="s">
        <v>3</v>
      </c>
      <c r="H1" s="1" t="s">
        <v>50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368</v>
      </c>
      <c r="B4" s="2">
        <v>0.33749999999999997</v>
      </c>
      <c r="C4" s="1" t="s">
        <v>476</v>
      </c>
      <c r="D4" s="1" t="s">
        <v>27</v>
      </c>
      <c r="E4" s="1" t="s">
        <v>369</v>
      </c>
      <c r="F4" s="1" t="s">
        <v>164</v>
      </c>
      <c r="G4" s="1" t="s">
        <v>351</v>
      </c>
      <c r="J4" s="1" t="s">
        <v>30</v>
      </c>
      <c r="K4" s="1" t="s">
        <v>402</v>
      </c>
      <c r="M4" s="1" t="s">
        <v>93</v>
      </c>
      <c r="N4" s="1" t="s">
        <v>33</v>
      </c>
      <c r="O4" s="1" t="s">
        <v>92</v>
      </c>
      <c r="P4" s="1" t="s">
        <v>35</v>
      </c>
      <c r="Q4" s="1" t="s">
        <v>84</v>
      </c>
      <c r="S4" s="1" t="s">
        <v>301</v>
      </c>
      <c r="U4" s="1">
        <v>8</v>
      </c>
      <c r="V4" s="1"/>
      <c r="W4" s="1"/>
      <c r="X4" s="1">
        <v>0.34</v>
      </c>
      <c r="Y4" s="1">
        <v>2.3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17</v>
      </c>
      <c r="BD4" s="1">
        <v>0.22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0.01</v>
      </c>
      <c r="BO4" s="1"/>
      <c r="BP4" s="1"/>
      <c r="BQ4" s="1">
        <v>33.03</v>
      </c>
      <c r="BR4" s="1"/>
      <c r="BS4" s="1"/>
      <c r="BT4" s="1">
        <v>0.8</v>
      </c>
      <c r="BU4" s="1"/>
      <c r="BV4" s="1"/>
      <c r="BW4" s="1"/>
      <c r="BX4" s="1"/>
      <c r="BY4" s="1"/>
      <c r="BZ4" s="1"/>
    </row>
    <row r="5" spans="1:78" x14ac:dyDescent="0.15">
      <c r="B5" s="2">
        <v>0.33749999999999997</v>
      </c>
      <c r="C5" s="1" t="s">
        <v>478</v>
      </c>
      <c r="D5" s="1" t="s">
        <v>27</v>
      </c>
      <c r="E5" s="1" t="s">
        <v>369</v>
      </c>
      <c r="G5" s="1" t="s">
        <v>142</v>
      </c>
      <c r="J5" s="1" t="s">
        <v>403</v>
      </c>
      <c r="N5" s="1" t="s">
        <v>33</v>
      </c>
      <c r="P5" s="1" t="s">
        <v>35</v>
      </c>
      <c r="Q5" s="1" t="s">
        <v>36</v>
      </c>
      <c r="S5" s="1" t="s">
        <v>62</v>
      </c>
      <c r="U5" s="1">
        <v>7.7</v>
      </c>
      <c r="V5" s="1"/>
      <c r="W5" s="1"/>
      <c r="X5" s="1">
        <v>0.22</v>
      </c>
      <c r="Y5" s="1">
        <v>2.3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0</v>
      </c>
      <c r="BC5" s="1">
        <v>0.09</v>
      </c>
      <c r="BD5" s="1">
        <v>0.14000000000000001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1.2999999999999999E-2</v>
      </c>
      <c r="BO5" s="1"/>
      <c r="BP5" s="1"/>
      <c r="BQ5" s="1">
        <v>34.51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71</v>
      </c>
      <c r="B6" s="2">
        <v>0.34722222222222227</v>
      </c>
      <c r="C6" s="1" t="s">
        <v>476</v>
      </c>
      <c r="D6" s="1" t="s">
        <v>27</v>
      </c>
      <c r="E6" s="1" t="s">
        <v>70</v>
      </c>
      <c r="F6" s="1" t="s">
        <v>361</v>
      </c>
      <c r="G6" s="1" t="s">
        <v>345</v>
      </c>
      <c r="J6" s="1" t="s">
        <v>30</v>
      </c>
      <c r="K6" s="1" t="s">
        <v>404</v>
      </c>
      <c r="M6" s="1" t="s">
        <v>49</v>
      </c>
      <c r="N6" s="1" t="s">
        <v>74</v>
      </c>
      <c r="O6" s="1" t="s">
        <v>221</v>
      </c>
      <c r="P6" s="1" t="s">
        <v>35</v>
      </c>
      <c r="Q6" s="1" t="s">
        <v>146</v>
      </c>
      <c r="S6" s="1" t="s">
        <v>169</v>
      </c>
      <c r="U6" s="1">
        <v>12.3</v>
      </c>
      <c r="V6" s="1" t="s">
        <v>515</v>
      </c>
      <c r="W6" s="1"/>
      <c r="X6" s="1">
        <v>0.3</v>
      </c>
      <c r="Y6" s="1">
        <v>2.800000000000000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0</v>
      </c>
      <c r="BC6" s="1" t="s">
        <v>512</v>
      </c>
      <c r="BD6" s="1" t="s">
        <v>522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1E-3</v>
      </c>
      <c r="BO6" s="1"/>
      <c r="BP6" s="1"/>
      <c r="BQ6" s="1">
        <v>30.14</v>
      </c>
      <c r="BR6" s="1"/>
      <c r="BS6" s="1"/>
      <c r="BT6" s="1">
        <v>12</v>
      </c>
      <c r="BU6" s="1"/>
      <c r="BV6" s="1"/>
      <c r="BW6" s="1"/>
      <c r="BX6" s="1"/>
      <c r="BY6" s="1"/>
      <c r="BZ6" s="1"/>
    </row>
    <row r="7" spans="1:78" x14ac:dyDescent="0.15">
      <c r="B7" s="2">
        <v>0.34722222222222227</v>
      </c>
      <c r="C7" s="1" t="s">
        <v>478</v>
      </c>
      <c r="D7" s="1" t="s">
        <v>27</v>
      </c>
      <c r="E7" s="1" t="s">
        <v>70</v>
      </c>
      <c r="G7" s="1" t="s">
        <v>48</v>
      </c>
      <c r="J7" s="1" t="s">
        <v>403</v>
      </c>
      <c r="N7" s="1" t="s">
        <v>74</v>
      </c>
      <c r="P7" s="1" t="s">
        <v>35</v>
      </c>
      <c r="Q7" s="1" t="s">
        <v>36</v>
      </c>
      <c r="S7" s="1" t="s">
        <v>301</v>
      </c>
      <c r="U7" s="1">
        <v>7.7</v>
      </c>
      <c r="V7" s="1"/>
      <c r="W7" s="1"/>
      <c r="X7" s="1">
        <v>0.12</v>
      </c>
      <c r="Y7" s="1">
        <v>1.6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0</v>
      </c>
      <c r="BC7" s="1">
        <v>0.04</v>
      </c>
      <c r="BD7" s="1" t="s">
        <v>522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1.4999999999999999E-2</v>
      </c>
      <c r="BO7" s="1"/>
      <c r="BP7" s="1"/>
      <c r="BQ7" s="1">
        <v>34.4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4722222222222227</v>
      </c>
      <c r="C8" s="1" t="s">
        <v>476</v>
      </c>
      <c r="D8" s="1" t="s">
        <v>51</v>
      </c>
      <c r="E8" s="1" t="s">
        <v>477</v>
      </c>
      <c r="F8" s="1" t="s">
        <v>337</v>
      </c>
      <c r="G8" s="1" t="s">
        <v>88</v>
      </c>
      <c r="J8" s="1" t="s">
        <v>30</v>
      </c>
      <c r="K8" s="1" t="s">
        <v>405</v>
      </c>
      <c r="M8" s="1" t="s">
        <v>101</v>
      </c>
      <c r="N8" s="1" t="s">
        <v>33</v>
      </c>
      <c r="O8" s="1" t="s">
        <v>34</v>
      </c>
      <c r="P8" s="1" t="s">
        <v>35</v>
      </c>
      <c r="Q8" s="1" t="s">
        <v>146</v>
      </c>
      <c r="S8" s="1" t="s">
        <v>47</v>
      </c>
      <c r="U8" s="1">
        <v>10.4</v>
      </c>
      <c r="V8" s="1"/>
      <c r="W8" s="1"/>
      <c r="X8" s="1">
        <v>0.22</v>
      </c>
      <c r="Y8" s="1">
        <v>2.1000000000000001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0</v>
      </c>
      <c r="BC8" s="1" t="s">
        <v>51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>
        <v>1E-3</v>
      </c>
      <c r="BO8" s="1"/>
      <c r="BP8" s="1"/>
      <c r="BQ8" s="1">
        <v>30.67</v>
      </c>
      <c r="BR8" s="1"/>
      <c r="BS8" s="1"/>
      <c r="BT8" s="1">
        <v>12</v>
      </c>
      <c r="BU8" s="1"/>
      <c r="BV8" s="1"/>
      <c r="BW8" s="1"/>
      <c r="BX8" s="1"/>
      <c r="BY8" s="1"/>
      <c r="BZ8" s="1"/>
    </row>
    <row r="9" spans="1:78" x14ac:dyDescent="0.15">
      <c r="B9" s="2">
        <v>0.34722222222222227</v>
      </c>
      <c r="C9" s="1" t="s">
        <v>478</v>
      </c>
      <c r="D9" s="1" t="s">
        <v>51</v>
      </c>
      <c r="E9" s="1" t="s">
        <v>477</v>
      </c>
      <c r="G9" s="1" t="s">
        <v>166</v>
      </c>
      <c r="J9" s="1" t="s">
        <v>403</v>
      </c>
      <c r="N9" s="1" t="s">
        <v>33</v>
      </c>
      <c r="P9" s="1" t="s">
        <v>35</v>
      </c>
      <c r="Q9" s="1" t="s">
        <v>36</v>
      </c>
      <c r="S9" s="1" t="s">
        <v>191</v>
      </c>
      <c r="U9" s="1">
        <v>7</v>
      </c>
      <c r="V9" s="1"/>
      <c r="W9" s="1"/>
      <c r="X9" s="1">
        <v>0.21</v>
      </c>
      <c r="Y9" s="1">
        <v>2.4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0</v>
      </c>
      <c r="BC9" s="1">
        <v>0.1</v>
      </c>
      <c r="BD9" s="1">
        <v>0.15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1.7999999999999999E-2</v>
      </c>
      <c r="BO9" s="1"/>
      <c r="BP9" s="1"/>
      <c r="BQ9" s="1">
        <v>34.49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4375</v>
      </c>
      <c r="C10" s="1" t="s">
        <v>476</v>
      </c>
      <c r="D10" s="1" t="s">
        <v>27</v>
      </c>
      <c r="E10" s="1" t="s">
        <v>477</v>
      </c>
      <c r="F10" s="1" t="s">
        <v>83</v>
      </c>
      <c r="G10" s="1" t="s">
        <v>312</v>
      </c>
      <c r="J10" s="1" t="s">
        <v>30</v>
      </c>
      <c r="K10" s="1" t="s">
        <v>406</v>
      </c>
      <c r="M10" s="1" t="s">
        <v>101</v>
      </c>
      <c r="N10" s="1" t="s">
        <v>33</v>
      </c>
      <c r="O10" s="1" t="s">
        <v>34</v>
      </c>
      <c r="P10" s="1" t="s">
        <v>35</v>
      </c>
      <c r="Q10" s="1" t="s">
        <v>84</v>
      </c>
      <c r="S10" s="1" t="s">
        <v>131</v>
      </c>
      <c r="U10" s="1">
        <v>8.9</v>
      </c>
      <c r="V10" s="1"/>
      <c r="W10" s="1"/>
      <c r="X10" s="1">
        <v>0.25</v>
      </c>
      <c r="Y10" s="1">
        <v>2.4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2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4.0000000000000001E-3</v>
      </c>
      <c r="BO10" s="1"/>
      <c r="BP10" s="1"/>
      <c r="BQ10" s="1">
        <v>31.69</v>
      </c>
      <c r="BR10" s="1"/>
      <c r="BS10" s="1"/>
      <c r="BT10" s="1">
        <v>10</v>
      </c>
      <c r="BU10" s="1"/>
      <c r="BV10" s="1"/>
      <c r="BW10" s="1"/>
      <c r="BX10" s="1"/>
      <c r="BY10" s="1"/>
      <c r="BZ10" s="1"/>
    </row>
    <row r="11" spans="1:78" x14ac:dyDescent="0.15">
      <c r="B11" s="2">
        <v>0.34375</v>
      </c>
      <c r="C11" s="1" t="s">
        <v>478</v>
      </c>
      <c r="D11" s="1" t="s">
        <v>27</v>
      </c>
      <c r="E11" s="1" t="s">
        <v>477</v>
      </c>
      <c r="G11" s="1" t="s">
        <v>218</v>
      </c>
      <c r="J11" s="1" t="s">
        <v>403</v>
      </c>
      <c r="N11" s="1" t="s">
        <v>33</v>
      </c>
      <c r="P11" s="1" t="s">
        <v>35</v>
      </c>
      <c r="Q11" s="1" t="s">
        <v>40</v>
      </c>
      <c r="S11" s="1" t="s">
        <v>301</v>
      </c>
      <c r="U11" s="1">
        <v>6.5</v>
      </c>
      <c r="V11" s="1"/>
      <c r="W11" s="1"/>
      <c r="X11" s="1">
        <v>0.21</v>
      </c>
      <c r="Y11" s="1">
        <v>2.4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1</v>
      </c>
      <c r="BD11" s="1">
        <v>0.15</v>
      </c>
      <c r="BE11" s="1"/>
      <c r="BF11" s="1"/>
      <c r="BG11" s="1"/>
      <c r="BH11" s="1"/>
      <c r="BI11" s="1"/>
      <c r="BJ11" s="1"/>
      <c r="BK11" s="1"/>
      <c r="BL11" s="1"/>
      <c r="BM11" s="1" t="s">
        <v>533</v>
      </c>
      <c r="BN11" s="1">
        <v>2.4E-2</v>
      </c>
      <c r="BO11" s="1"/>
      <c r="BP11" s="1"/>
      <c r="BQ11" s="1">
        <v>34.520000000000003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4375</v>
      </c>
      <c r="C12" s="1" t="s">
        <v>553</v>
      </c>
      <c r="D12" s="1" t="s">
        <v>27</v>
      </c>
      <c r="E12" s="1" t="s">
        <v>477</v>
      </c>
      <c r="J12" s="1" t="s">
        <v>223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3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5138888888888892</v>
      </c>
      <c r="C13" s="1" t="s">
        <v>476</v>
      </c>
      <c r="D13" s="1" t="s">
        <v>27</v>
      </c>
      <c r="E13" s="1" t="s">
        <v>70</v>
      </c>
      <c r="F13" s="1" t="s">
        <v>220</v>
      </c>
      <c r="G13" s="1" t="s">
        <v>151</v>
      </c>
      <c r="J13" s="1" t="s">
        <v>30</v>
      </c>
      <c r="K13" s="1" t="s">
        <v>407</v>
      </c>
      <c r="M13" s="1" t="s">
        <v>119</v>
      </c>
      <c r="N13" s="1" t="s">
        <v>33</v>
      </c>
      <c r="O13" s="1" t="s">
        <v>34</v>
      </c>
      <c r="P13" s="1" t="s">
        <v>35</v>
      </c>
      <c r="Q13" s="1" t="s">
        <v>63</v>
      </c>
      <c r="S13" s="1" t="s">
        <v>180</v>
      </c>
      <c r="U13" s="1">
        <v>8.5</v>
      </c>
      <c r="V13" s="1" t="s">
        <v>515</v>
      </c>
      <c r="W13" s="1" t="s">
        <v>508</v>
      </c>
      <c r="X13" s="1">
        <v>0.27</v>
      </c>
      <c r="Y13" s="1">
        <v>2.5999999999999999E-2</v>
      </c>
      <c r="Z13" s="1">
        <v>1.1999999999999999E-3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6.0000000000000001E-3</v>
      </c>
      <c r="BO13" s="1"/>
      <c r="BP13" s="1"/>
      <c r="BQ13" s="1">
        <v>31.96</v>
      </c>
      <c r="BR13" s="1"/>
      <c r="BS13" s="1"/>
      <c r="BT13" s="1">
        <v>5.5</v>
      </c>
      <c r="BU13" s="1"/>
      <c r="BV13" s="1"/>
      <c r="BW13" s="1"/>
      <c r="BX13" s="1"/>
      <c r="BY13" s="1"/>
      <c r="BZ13" s="1"/>
    </row>
    <row r="14" spans="1:78" x14ac:dyDescent="0.15">
      <c r="B14" s="2">
        <v>0.35138888888888892</v>
      </c>
      <c r="C14" s="1" t="s">
        <v>478</v>
      </c>
      <c r="D14" s="1" t="s">
        <v>27</v>
      </c>
      <c r="E14" s="1" t="s">
        <v>70</v>
      </c>
      <c r="G14" s="1" t="s">
        <v>136</v>
      </c>
      <c r="J14" s="1" t="s">
        <v>403</v>
      </c>
      <c r="N14" s="1" t="s">
        <v>33</v>
      </c>
      <c r="P14" s="1" t="s">
        <v>35</v>
      </c>
      <c r="Q14" s="1" t="s">
        <v>40</v>
      </c>
      <c r="S14" s="1" t="s">
        <v>286</v>
      </c>
      <c r="U14" s="1">
        <v>6.6</v>
      </c>
      <c r="V14" s="1"/>
      <c r="W14" s="1"/>
      <c r="X14" s="1">
        <v>0.23</v>
      </c>
      <c r="Y14" s="1">
        <v>2.5999999999999999E-2</v>
      </c>
      <c r="Z14" s="1">
        <v>1.5E-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0</v>
      </c>
      <c r="BC14" s="1">
        <v>0.11</v>
      </c>
      <c r="BD14" s="1">
        <v>0.16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2.1999999999999999E-2</v>
      </c>
      <c r="BO14" s="1"/>
      <c r="BP14" s="1"/>
      <c r="BQ14" s="1">
        <v>34.020000000000003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5138888888888892</v>
      </c>
      <c r="C15" s="1" t="s">
        <v>553</v>
      </c>
      <c r="D15" s="1" t="s">
        <v>27</v>
      </c>
      <c r="E15" s="1" t="s">
        <v>70</v>
      </c>
      <c r="J15" s="1" t="s">
        <v>223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376</v>
      </c>
      <c r="B16" s="2">
        <v>0.34513888888888888</v>
      </c>
      <c r="C16" s="1" t="s">
        <v>476</v>
      </c>
      <c r="D16" s="1" t="s">
        <v>51</v>
      </c>
      <c r="E16" s="1" t="s">
        <v>477</v>
      </c>
      <c r="F16" s="1" t="s">
        <v>230</v>
      </c>
      <c r="G16" s="1" t="s">
        <v>309</v>
      </c>
      <c r="J16" s="1" t="s">
        <v>30</v>
      </c>
      <c r="K16" s="1" t="s">
        <v>408</v>
      </c>
      <c r="M16" s="1" t="s">
        <v>36</v>
      </c>
      <c r="N16" s="1" t="s">
        <v>33</v>
      </c>
      <c r="O16" s="1" t="s">
        <v>298</v>
      </c>
      <c r="P16" s="1" t="s">
        <v>35</v>
      </c>
      <c r="Q16" s="1" t="s">
        <v>36</v>
      </c>
      <c r="S16" s="1" t="s">
        <v>57</v>
      </c>
      <c r="U16" s="1">
        <v>6.7</v>
      </c>
      <c r="V16" s="1"/>
      <c r="W16" s="1"/>
      <c r="X16" s="1">
        <v>0.26</v>
      </c>
      <c r="Y16" s="1">
        <v>3.7999999999999999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06</v>
      </c>
      <c r="BD16" s="1">
        <v>0.11</v>
      </c>
      <c r="BE16" s="1"/>
      <c r="BF16" s="1"/>
      <c r="BG16" s="1"/>
      <c r="BH16" s="1"/>
      <c r="BI16" s="1"/>
      <c r="BJ16" s="1"/>
      <c r="BK16" s="1"/>
      <c r="BL16" s="1"/>
      <c r="BM16" s="1" t="s">
        <v>533</v>
      </c>
      <c r="BN16" s="1">
        <v>2.1000000000000001E-2</v>
      </c>
      <c r="BO16" s="1"/>
      <c r="BP16" s="1"/>
      <c r="BQ16" s="1">
        <v>32.159999999999997</v>
      </c>
      <c r="BR16" s="1"/>
      <c r="BS16" s="1"/>
      <c r="BT16" s="1">
        <v>2</v>
      </c>
      <c r="BU16" s="1"/>
      <c r="BV16" s="1"/>
      <c r="BW16" s="1"/>
      <c r="BX16" s="1"/>
      <c r="BY16" s="1"/>
      <c r="BZ16" s="1"/>
    </row>
    <row r="17" spans="1:78" x14ac:dyDescent="0.15">
      <c r="B17" s="2">
        <v>0.34513888888888888</v>
      </c>
      <c r="C17" s="1" t="s">
        <v>478</v>
      </c>
      <c r="D17" s="1" t="s">
        <v>51</v>
      </c>
      <c r="E17" s="1" t="s">
        <v>477</v>
      </c>
      <c r="G17" s="1" t="s">
        <v>270</v>
      </c>
      <c r="J17" s="1" t="s">
        <v>403</v>
      </c>
      <c r="N17" s="1" t="s">
        <v>33</v>
      </c>
      <c r="P17" s="1" t="s">
        <v>35</v>
      </c>
      <c r="Q17" s="1" t="s">
        <v>36</v>
      </c>
      <c r="S17" s="1" t="s">
        <v>191</v>
      </c>
      <c r="U17" s="1">
        <v>6.4</v>
      </c>
      <c r="V17" s="1"/>
      <c r="W17" s="1"/>
      <c r="X17" s="1">
        <v>0.14000000000000001</v>
      </c>
      <c r="Y17" s="1">
        <v>0.0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0</v>
      </c>
      <c r="BC17" s="1">
        <v>0.08</v>
      </c>
      <c r="BD17" s="1">
        <v>0.13</v>
      </c>
      <c r="BE17" s="1"/>
      <c r="BF17" s="1"/>
      <c r="BG17" s="1"/>
      <c r="BH17" s="1"/>
      <c r="BI17" s="1"/>
      <c r="BJ17" s="1"/>
      <c r="BK17" s="1"/>
      <c r="BL17" s="1"/>
      <c r="BM17" s="1" t="s">
        <v>533</v>
      </c>
      <c r="BN17" s="1">
        <v>1.2E-2</v>
      </c>
      <c r="BO17" s="1"/>
      <c r="BP17" s="1"/>
      <c r="BQ17" s="1">
        <v>34.17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4513888888888888</v>
      </c>
      <c r="C18" s="1" t="s">
        <v>553</v>
      </c>
      <c r="D18" s="1" t="s">
        <v>51</v>
      </c>
      <c r="E18" s="1" t="s">
        <v>477</v>
      </c>
      <c r="J18" s="1" t="s">
        <v>223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4722222222222227</v>
      </c>
      <c r="C19" s="1" t="s">
        <v>476</v>
      </c>
      <c r="D19" s="1" t="s">
        <v>43</v>
      </c>
      <c r="E19" s="1" t="s">
        <v>70</v>
      </c>
      <c r="F19" s="1" t="s">
        <v>348</v>
      </c>
      <c r="G19" s="1" t="s">
        <v>324</v>
      </c>
      <c r="J19" s="1" t="s">
        <v>30</v>
      </c>
      <c r="K19" s="1" t="s">
        <v>404</v>
      </c>
      <c r="M19" s="1" t="s">
        <v>130</v>
      </c>
      <c r="N19" s="1" t="s">
        <v>33</v>
      </c>
      <c r="O19" s="1" t="s">
        <v>92</v>
      </c>
      <c r="P19" s="1" t="s">
        <v>35</v>
      </c>
      <c r="Q19" s="1" t="s">
        <v>36</v>
      </c>
      <c r="S19" s="1" t="s">
        <v>91</v>
      </c>
      <c r="U19" s="1">
        <v>9.1</v>
      </c>
      <c r="V19" s="1"/>
      <c r="W19" s="1"/>
      <c r="X19" s="1">
        <v>0.57999999999999996</v>
      </c>
      <c r="Y19" s="1">
        <v>6.0999999999999999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34</v>
      </c>
      <c r="BD19" s="1">
        <v>0.39</v>
      </c>
      <c r="BE19" s="1"/>
      <c r="BF19" s="1"/>
      <c r="BG19" s="1"/>
      <c r="BH19" s="1"/>
      <c r="BI19" s="1"/>
      <c r="BJ19" s="1"/>
      <c r="BK19" s="1"/>
      <c r="BL19" s="1"/>
      <c r="BM19" s="1" t="s">
        <v>533</v>
      </c>
      <c r="BN19" s="1">
        <v>4.2000000000000003E-2</v>
      </c>
      <c r="BO19" s="1"/>
      <c r="BP19" s="1"/>
      <c r="BQ19" s="1">
        <v>30</v>
      </c>
      <c r="BR19" s="1" t="s">
        <v>531</v>
      </c>
      <c r="BS19" s="1"/>
      <c r="BT19" s="1">
        <v>4.8</v>
      </c>
      <c r="BU19" s="1"/>
      <c r="BV19" s="1"/>
      <c r="BW19" s="1"/>
      <c r="BX19" s="1"/>
      <c r="BY19" s="1"/>
      <c r="BZ19" s="1"/>
    </row>
    <row r="20" spans="1:78" x14ac:dyDescent="0.15">
      <c r="B20" s="2">
        <v>0.34722222222222227</v>
      </c>
      <c r="C20" s="1" t="s">
        <v>478</v>
      </c>
      <c r="D20" s="1" t="s">
        <v>43</v>
      </c>
      <c r="E20" s="1" t="s">
        <v>70</v>
      </c>
      <c r="G20" s="1" t="s">
        <v>168</v>
      </c>
      <c r="J20" s="1" t="s">
        <v>403</v>
      </c>
      <c r="N20" s="1" t="s">
        <v>33</v>
      </c>
      <c r="P20" s="1" t="s">
        <v>35</v>
      </c>
      <c r="Q20" s="1" t="s">
        <v>40</v>
      </c>
      <c r="S20" s="1" t="s">
        <v>409</v>
      </c>
      <c r="U20" s="1">
        <v>7.4</v>
      </c>
      <c r="V20" s="1"/>
      <c r="W20" s="1"/>
      <c r="X20" s="1">
        <v>0.2</v>
      </c>
      <c r="Y20" s="1">
        <v>0.03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0</v>
      </c>
      <c r="BC20" s="1">
        <v>0.15</v>
      </c>
      <c r="BD20" s="1">
        <v>0.2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2.8000000000000001E-2</v>
      </c>
      <c r="BO20" s="1"/>
      <c r="BP20" s="1"/>
      <c r="BQ20" s="1">
        <v>33.53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4722222222222227</v>
      </c>
      <c r="C21" s="1" t="s">
        <v>553</v>
      </c>
      <c r="D21" s="1" t="s">
        <v>43</v>
      </c>
      <c r="E21" s="1" t="s">
        <v>70</v>
      </c>
      <c r="J21" s="1" t="s">
        <v>223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 t="s">
        <v>509</v>
      </c>
      <c r="AD21" s="1" t="s">
        <v>510</v>
      </c>
      <c r="AE21" s="1">
        <v>2E-3</v>
      </c>
      <c r="AF21" s="1" t="s">
        <v>512</v>
      </c>
      <c r="AG21" s="1" t="s">
        <v>511</v>
      </c>
      <c r="AH21" s="1" t="s">
        <v>513</v>
      </c>
      <c r="AI21" s="1"/>
      <c r="AJ21" s="1" t="s">
        <v>513</v>
      </c>
      <c r="AK21" s="1" t="s">
        <v>514</v>
      </c>
      <c r="AL21" s="1" t="s">
        <v>514</v>
      </c>
      <c r="AM21" s="1" t="s">
        <v>514</v>
      </c>
      <c r="AN21" s="1" t="s">
        <v>514</v>
      </c>
      <c r="AO21" s="1" t="s">
        <v>514</v>
      </c>
      <c r="AP21" t="s">
        <v>514</v>
      </c>
      <c r="AQ21" s="1" t="s">
        <v>514</v>
      </c>
      <c r="AR21" s="1" t="s">
        <v>514</v>
      </c>
      <c r="AS21" s="1" t="s">
        <v>514</v>
      </c>
      <c r="AT21" s="1" t="s">
        <v>517</v>
      </c>
      <c r="AU21" s="1"/>
      <c r="AV21" s="1"/>
      <c r="AW21" s="1"/>
      <c r="AX21" s="1" t="s">
        <v>514</v>
      </c>
      <c r="AY21" s="1" t="s">
        <v>523</v>
      </c>
      <c r="AZ21" s="1"/>
      <c r="BA21" s="1"/>
      <c r="BB21" s="1"/>
      <c r="BC21" s="1"/>
      <c r="BD21" s="1"/>
      <c r="BE21" s="1" t="s">
        <v>511</v>
      </c>
      <c r="BF21" s="1" t="s">
        <v>511</v>
      </c>
      <c r="BG21" s="1">
        <v>1.9E-3</v>
      </c>
      <c r="BH21" s="1" t="s">
        <v>512</v>
      </c>
      <c r="BI21" s="1">
        <v>0.01</v>
      </c>
      <c r="BJ21" s="1"/>
      <c r="BK21" s="1"/>
      <c r="BL21" s="1" t="s">
        <v>518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380</v>
      </c>
      <c r="B22" s="2">
        <v>0.35486111111111113</v>
      </c>
      <c r="C22" s="1" t="s">
        <v>476</v>
      </c>
      <c r="D22" s="1" t="s">
        <v>27</v>
      </c>
      <c r="E22" s="1" t="s">
        <v>477</v>
      </c>
      <c r="F22" s="1" t="s">
        <v>95</v>
      </c>
      <c r="G22" s="1" t="s">
        <v>46</v>
      </c>
      <c r="J22" s="1" t="s">
        <v>30</v>
      </c>
      <c r="K22" s="1" t="s">
        <v>405</v>
      </c>
      <c r="M22" s="1" t="s">
        <v>80</v>
      </c>
      <c r="N22" s="1" t="s">
        <v>33</v>
      </c>
      <c r="O22" s="1" t="s">
        <v>92</v>
      </c>
      <c r="P22" s="1" t="s">
        <v>35</v>
      </c>
      <c r="Q22" s="1" t="s">
        <v>84</v>
      </c>
      <c r="S22" s="1" t="s">
        <v>201</v>
      </c>
      <c r="U22" s="1">
        <v>7.6</v>
      </c>
      <c r="V22" s="1" t="s">
        <v>515</v>
      </c>
      <c r="W22" s="1"/>
      <c r="X22" s="1">
        <v>0.28999999999999998</v>
      </c>
      <c r="Y22" s="1">
        <v>3.4000000000000002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2</v>
      </c>
      <c r="BC22" s="1">
        <v>0.13</v>
      </c>
      <c r="BD22" s="1">
        <v>0.18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2.1000000000000001E-2</v>
      </c>
      <c r="BO22" s="1"/>
      <c r="BP22" s="1"/>
      <c r="BQ22" s="1">
        <v>32.89</v>
      </c>
      <c r="BR22" s="1"/>
      <c r="BS22" s="1"/>
      <c r="BT22" s="1">
        <v>2.9</v>
      </c>
      <c r="BU22" s="1"/>
      <c r="BV22" s="1"/>
      <c r="BW22" s="1"/>
      <c r="BX22" s="1"/>
      <c r="BY22" s="1"/>
      <c r="BZ22" s="1"/>
    </row>
    <row r="23" spans="1:78" x14ac:dyDescent="0.15">
      <c r="B23" s="2">
        <v>0.35486111111111113</v>
      </c>
      <c r="C23" s="1" t="s">
        <v>478</v>
      </c>
      <c r="D23" s="1" t="s">
        <v>27</v>
      </c>
      <c r="E23" s="1" t="s">
        <v>477</v>
      </c>
      <c r="G23" s="1" t="s">
        <v>357</v>
      </c>
      <c r="J23" s="1" t="s">
        <v>403</v>
      </c>
      <c r="N23" s="1" t="s">
        <v>33</v>
      </c>
      <c r="P23" s="1" t="s">
        <v>35</v>
      </c>
      <c r="Q23" s="1" t="s">
        <v>36</v>
      </c>
      <c r="S23" s="1" t="s">
        <v>286</v>
      </c>
      <c r="U23" s="1">
        <v>7.4</v>
      </c>
      <c r="V23" s="1"/>
      <c r="W23" s="1"/>
      <c r="X23" s="1">
        <v>0.12</v>
      </c>
      <c r="Y23" s="1">
        <v>1.4999999999999999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10</v>
      </c>
      <c r="BC23" s="1">
        <v>0.03</v>
      </c>
      <c r="BD23" s="1" t="s">
        <v>522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8.9999999999999993E-3</v>
      </c>
      <c r="BO23" s="1"/>
      <c r="BP23" s="1"/>
      <c r="BQ23" s="1">
        <v>33.89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5486111111111113</v>
      </c>
      <c r="C24" s="1" t="s">
        <v>553</v>
      </c>
      <c r="D24" s="1" t="s">
        <v>27</v>
      </c>
      <c r="E24" s="1" t="s">
        <v>477</v>
      </c>
      <c r="J24" s="1" t="s">
        <v>223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33749999999999997</v>
      </c>
      <c r="C25" s="1" t="s">
        <v>476</v>
      </c>
      <c r="D25" s="1" t="s">
        <v>43</v>
      </c>
      <c r="E25" s="1" t="s">
        <v>107</v>
      </c>
      <c r="F25" s="1" t="s">
        <v>66</v>
      </c>
      <c r="G25" s="1" t="s">
        <v>109</v>
      </c>
      <c r="J25" s="1" t="s">
        <v>30</v>
      </c>
      <c r="K25" s="1" t="s">
        <v>410</v>
      </c>
      <c r="M25" s="1" t="s">
        <v>253</v>
      </c>
      <c r="N25" s="1" t="s">
        <v>33</v>
      </c>
      <c r="O25" s="1" t="s">
        <v>298</v>
      </c>
      <c r="P25" s="1" t="s">
        <v>35</v>
      </c>
      <c r="Q25" s="1" t="s">
        <v>36</v>
      </c>
      <c r="S25" s="1" t="s">
        <v>62</v>
      </c>
      <c r="U25" s="1">
        <v>7.4</v>
      </c>
      <c r="V25" s="1"/>
      <c r="W25" s="1"/>
      <c r="X25" s="1">
        <v>0.25</v>
      </c>
      <c r="Y25" s="1">
        <v>0.0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05</v>
      </c>
      <c r="BD25" s="1">
        <v>0.1</v>
      </c>
      <c r="BE25" s="1"/>
      <c r="BF25" s="1"/>
      <c r="BG25" s="1"/>
      <c r="BH25" s="1"/>
      <c r="BI25" s="1"/>
      <c r="BJ25" s="1"/>
      <c r="BK25" s="1"/>
      <c r="BL25" s="1"/>
      <c r="BM25" s="1" t="s">
        <v>533</v>
      </c>
      <c r="BN25" s="1">
        <v>1.6E-2</v>
      </c>
      <c r="BO25" s="1"/>
      <c r="BP25" s="1"/>
      <c r="BQ25" s="1">
        <v>33.71</v>
      </c>
      <c r="BR25" s="1"/>
      <c r="BS25" s="1"/>
      <c r="BT25" s="1">
        <v>0.7</v>
      </c>
      <c r="BU25" s="1"/>
      <c r="BV25" s="1"/>
      <c r="BW25" s="1"/>
      <c r="BX25" s="1"/>
      <c r="BY25" s="1"/>
      <c r="BZ25" s="1"/>
    </row>
    <row r="26" spans="1:78" x14ac:dyDescent="0.15">
      <c r="B26" s="2">
        <v>0.33749999999999997</v>
      </c>
      <c r="C26" s="1" t="s">
        <v>478</v>
      </c>
      <c r="D26" s="1" t="s">
        <v>43</v>
      </c>
      <c r="E26" s="1" t="s">
        <v>107</v>
      </c>
      <c r="G26" s="1" t="s">
        <v>109</v>
      </c>
      <c r="J26" s="1" t="s">
        <v>403</v>
      </c>
      <c r="N26" s="1" t="s">
        <v>33</v>
      </c>
      <c r="P26" s="1" t="s">
        <v>35</v>
      </c>
      <c r="Q26" s="1" t="s">
        <v>36</v>
      </c>
      <c r="S26" s="1" t="s">
        <v>62</v>
      </c>
      <c r="U26" s="1">
        <v>6.2</v>
      </c>
      <c r="V26" s="1"/>
      <c r="W26" s="1"/>
      <c r="X26" s="1">
        <v>0.22</v>
      </c>
      <c r="Y26" s="1">
        <v>2.9000000000000001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06</v>
      </c>
      <c r="BD26" s="1">
        <v>0.11</v>
      </c>
      <c r="BE26" s="1"/>
      <c r="BF26" s="1"/>
      <c r="BG26" s="1"/>
      <c r="BH26" s="1"/>
      <c r="BI26" s="1"/>
      <c r="BJ26" s="1"/>
      <c r="BK26" s="1"/>
      <c r="BL26" s="1"/>
      <c r="BM26" s="1" t="s">
        <v>533</v>
      </c>
      <c r="BN26" s="1">
        <v>1.6E-2</v>
      </c>
      <c r="BO26" s="1"/>
      <c r="BP26" s="1"/>
      <c r="BQ26" s="1">
        <v>34.380000000000003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3749999999999997</v>
      </c>
      <c r="C27" s="1" t="s">
        <v>553</v>
      </c>
      <c r="D27" s="1" t="s">
        <v>43</v>
      </c>
      <c r="E27" s="1" t="s">
        <v>107</v>
      </c>
      <c r="J27" s="1" t="s">
        <v>223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35416666666666669</v>
      </c>
      <c r="C28" s="1" t="s">
        <v>476</v>
      </c>
      <c r="D28" s="1" t="s">
        <v>27</v>
      </c>
      <c r="E28" s="1" t="s">
        <v>70</v>
      </c>
      <c r="F28" s="1" t="s">
        <v>130</v>
      </c>
      <c r="G28" s="1" t="s">
        <v>411</v>
      </c>
      <c r="J28" s="1" t="s">
        <v>30</v>
      </c>
      <c r="K28" s="1" t="s">
        <v>412</v>
      </c>
      <c r="M28" s="1" t="s">
        <v>269</v>
      </c>
      <c r="N28" s="1" t="s">
        <v>33</v>
      </c>
      <c r="O28" s="1" t="s">
        <v>341</v>
      </c>
      <c r="P28" s="1" t="s">
        <v>35</v>
      </c>
      <c r="Q28" s="1" t="s">
        <v>36</v>
      </c>
      <c r="S28" s="1" t="s">
        <v>225</v>
      </c>
      <c r="U28" s="1">
        <v>7.9</v>
      </c>
      <c r="V28" s="1"/>
      <c r="W28" s="1"/>
      <c r="X28" s="1">
        <v>0.17</v>
      </c>
      <c r="Y28" s="1">
        <v>1.7999999999999999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05</v>
      </c>
      <c r="BD28" s="1">
        <v>0.1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0.01</v>
      </c>
      <c r="BO28" s="1"/>
      <c r="BP28" s="1"/>
      <c r="BQ28" s="1">
        <v>34.270000000000003</v>
      </c>
      <c r="BR28" s="1"/>
      <c r="BS28" s="1"/>
      <c r="BT28" s="1" t="s">
        <v>508</v>
      </c>
      <c r="BU28" s="1"/>
      <c r="BV28" s="1"/>
      <c r="BW28" s="1"/>
      <c r="BX28" s="1"/>
      <c r="BY28" s="1"/>
      <c r="BZ28" s="1"/>
    </row>
    <row r="29" spans="1:78" x14ac:dyDescent="0.15">
      <c r="B29" s="2">
        <v>0.35416666666666669</v>
      </c>
      <c r="C29" s="1" t="s">
        <v>478</v>
      </c>
      <c r="D29" s="1" t="s">
        <v>27</v>
      </c>
      <c r="E29" s="1" t="s">
        <v>70</v>
      </c>
      <c r="G29" s="1" t="s">
        <v>73</v>
      </c>
      <c r="J29" s="1" t="s">
        <v>403</v>
      </c>
      <c r="N29" s="1" t="s">
        <v>33</v>
      </c>
      <c r="P29" s="1" t="s">
        <v>35</v>
      </c>
      <c r="Q29" s="1" t="s">
        <v>36</v>
      </c>
      <c r="S29" s="1" t="s">
        <v>339</v>
      </c>
      <c r="U29" s="1">
        <v>7.6</v>
      </c>
      <c r="V29" s="1"/>
      <c r="W29" s="1"/>
      <c r="X29" s="1">
        <v>0.18</v>
      </c>
      <c r="Y29" s="1">
        <v>0.0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7.0000000000000007E-2</v>
      </c>
      <c r="BD29" s="1">
        <v>0.12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1.4999999999999999E-2</v>
      </c>
      <c r="BO29" s="1"/>
      <c r="BP29" s="1"/>
      <c r="BQ29" s="1">
        <v>34.32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5416666666666669</v>
      </c>
      <c r="C30" s="1" t="s">
        <v>553</v>
      </c>
      <c r="D30" s="1" t="s">
        <v>27</v>
      </c>
      <c r="E30" s="1" t="s">
        <v>70</v>
      </c>
      <c r="J30" s="1" t="s">
        <v>223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83</v>
      </c>
      <c r="B31" s="2">
        <v>0.35833333333333334</v>
      </c>
      <c r="C31" s="1" t="s">
        <v>476</v>
      </c>
      <c r="D31" s="1" t="s">
        <v>43</v>
      </c>
      <c r="E31" s="1" t="s">
        <v>477</v>
      </c>
      <c r="F31" s="1" t="s">
        <v>246</v>
      </c>
      <c r="G31" s="1" t="s">
        <v>177</v>
      </c>
      <c r="J31" s="1" t="s">
        <v>30</v>
      </c>
      <c r="K31" s="1" t="s">
        <v>406</v>
      </c>
      <c r="M31" s="1" t="s">
        <v>118</v>
      </c>
      <c r="N31" s="1" t="s">
        <v>33</v>
      </c>
      <c r="O31" s="1" t="s">
        <v>341</v>
      </c>
      <c r="P31" s="1" t="s">
        <v>35</v>
      </c>
      <c r="Q31" s="1" t="s">
        <v>84</v>
      </c>
      <c r="S31" s="1" t="s">
        <v>409</v>
      </c>
      <c r="U31" s="1">
        <v>8.1</v>
      </c>
      <c r="V31" s="1" t="s">
        <v>515</v>
      </c>
      <c r="W31" s="1" t="s">
        <v>508</v>
      </c>
      <c r="X31" s="1">
        <v>0.11</v>
      </c>
      <c r="Y31" s="1">
        <v>1.4E-2</v>
      </c>
      <c r="Z31" s="1">
        <v>2.5000000000000001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10</v>
      </c>
      <c r="BC31" s="1">
        <v>0.04</v>
      </c>
      <c r="BD31" s="1" t="s">
        <v>522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1.2999999999999999E-2</v>
      </c>
      <c r="BO31" s="1"/>
      <c r="BP31" s="1"/>
      <c r="BQ31" s="1">
        <v>33.92</v>
      </c>
      <c r="BR31" s="1"/>
      <c r="BS31" s="1"/>
      <c r="BT31" s="1" t="s">
        <v>508</v>
      </c>
      <c r="BU31" s="1"/>
      <c r="BV31" s="1"/>
      <c r="BW31" s="1"/>
      <c r="BX31" s="1"/>
      <c r="BY31" s="1"/>
      <c r="BZ31" s="1"/>
    </row>
    <row r="32" spans="1:78" x14ac:dyDescent="0.15">
      <c r="B32" s="2">
        <v>0.35833333333333334</v>
      </c>
      <c r="C32" s="1" t="s">
        <v>478</v>
      </c>
      <c r="D32" s="1" t="s">
        <v>43</v>
      </c>
      <c r="E32" s="1" t="s">
        <v>477</v>
      </c>
      <c r="G32" s="1" t="s">
        <v>95</v>
      </c>
      <c r="J32" s="1" t="s">
        <v>403</v>
      </c>
      <c r="N32" s="1" t="s">
        <v>33</v>
      </c>
      <c r="P32" s="1" t="s">
        <v>35</v>
      </c>
      <c r="Q32" s="1" t="s">
        <v>84</v>
      </c>
      <c r="S32" s="1" t="s">
        <v>409</v>
      </c>
      <c r="U32" s="1">
        <v>7.9</v>
      </c>
      <c r="V32" s="1"/>
      <c r="W32" s="1"/>
      <c r="X32" s="1">
        <v>0.23</v>
      </c>
      <c r="Y32" s="1">
        <v>2.3E-2</v>
      </c>
      <c r="Z32" s="1">
        <v>4.7000000000000002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10</v>
      </c>
      <c r="BC32" s="1">
        <v>0.11</v>
      </c>
      <c r="BD32" s="1">
        <v>0.16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0999999999999999E-2</v>
      </c>
      <c r="BO32" s="1"/>
      <c r="BP32" s="1"/>
      <c r="BQ32" s="1">
        <v>34.520000000000003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5833333333333334</v>
      </c>
      <c r="C33" s="1" t="s">
        <v>553</v>
      </c>
      <c r="D33" s="1" t="s">
        <v>43</v>
      </c>
      <c r="E33" s="1" t="s">
        <v>477</v>
      </c>
      <c r="J33" s="1" t="s">
        <v>223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3749999999999997</v>
      </c>
      <c r="C34" s="1" t="s">
        <v>476</v>
      </c>
      <c r="D34" s="1" t="s">
        <v>43</v>
      </c>
      <c r="E34" s="1" t="s">
        <v>477</v>
      </c>
      <c r="F34" s="1" t="s">
        <v>124</v>
      </c>
      <c r="G34" s="1" t="s">
        <v>178</v>
      </c>
      <c r="J34" s="1" t="s">
        <v>30</v>
      </c>
      <c r="K34" s="1" t="s">
        <v>413</v>
      </c>
      <c r="M34" s="1" t="s">
        <v>414</v>
      </c>
      <c r="N34" s="1" t="s">
        <v>33</v>
      </c>
      <c r="O34" s="1" t="s">
        <v>92</v>
      </c>
      <c r="P34" s="1" t="s">
        <v>35</v>
      </c>
      <c r="Q34" s="1" t="s">
        <v>84</v>
      </c>
      <c r="S34" s="1" t="s">
        <v>286</v>
      </c>
      <c r="U34" s="1">
        <v>9.1</v>
      </c>
      <c r="V34" s="1"/>
      <c r="W34" s="1"/>
      <c r="X34" s="1">
        <v>0.3</v>
      </c>
      <c r="Y34" s="1">
        <v>1.9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0.18</v>
      </c>
      <c r="BD34" s="1">
        <v>0.23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6.0000000000000001E-3</v>
      </c>
      <c r="BO34" s="1"/>
      <c r="BP34" s="1"/>
      <c r="BQ34" s="1">
        <v>33.56</v>
      </c>
      <c r="BR34" s="1"/>
      <c r="BS34" s="1"/>
      <c r="BT34" s="1">
        <v>2.2000000000000002</v>
      </c>
      <c r="BU34" s="1"/>
      <c r="BV34" s="1"/>
      <c r="BW34" s="1"/>
      <c r="BX34" s="1"/>
      <c r="BY34" s="1"/>
      <c r="BZ34" s="1"/>
    </row>
    <row r="35" spans="1:78" x14ac:dyDescent="0.15">
      <c r="B35" s="2">
        <v>0.33749999999999997</v>
      </c>
      <c r="C35" s="1" t="s">
        <v>478</v>
      </c>
      <c r="D35" s="1" t="s">
        <v>43</v>
      </c>
      <c r="E35" s="1" t="s">
        <v>477</v>
      </c>
      <c r="G35" s="1" t="s">
        <v>190</v>
      </c>
      <c r="J35" s="1" t="s">
        <v>403</v>
      </c>
      <c r="N35" s="1" t="s">
        <v>33</v>
      </c>
      <c r="P35" s="1" t="s">
        <v>35</v>
      </c>
      <c r="Q35" s="1" t="s">
        <v>36</v>
      </c>
      <c r="S35" s="1" t="s">
        <v>315</v>
      </c>
      <c r="U35" s="1">
        <v>8.4</v>
      </c>
      <c r="V35" s="1"/>
      <c r="W35" s="1"/>
      <c r="X35" s="1">
        <v>0.17</v>
      </c>
      <c r="Y35" s="1">
        <v>1.7000000000000001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10</v>
      </c>
      <c r="BC35" s="1">
        <v>0.09</v>
      </c>
      <c r="BD35" s="1">
        <v>0.14000000000000001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1.2E-2</v>
      </c>
      <c r="BO35" s="1"/>
      <c r="BP35" s="1"/>
      <c r="BQ35" s="1">
        <v>34.5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3749999999999997</v>
      </c>
      <c r="C36" s="1" t="s">
        <v>553</v>
      </c>
      <c r="D36" s="1" t="s">
        <v>43</v>
      </c>
      <c r="E36" s="1" t="s">
        <v>477</v>
      </c>
      <c r="J36" s="1" t="s">
        <v>223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</sheetData>
  <phoneticPr fontId="18"/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70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504</v>
      </c>
      <c r="E1" s="1" t="s">
        <v>2</v>
      </c>
      <c r="F1" s="1" t="s">
        <v>499</v>
      </c>
      <c r="G1" s="1" t="s">
        <v>3</v>
      </c>
      <c r="H1" s="1" t="s">
        <v>50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9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368</v>
      </c>
      <c r="B4" s="2">
        <v>0.36041666666666666</v>
      </c>
      <c r="C4" s="1" t="s">
        <v>476</v>
      </c>
      <c r="D4" s="1" t="s">
        <v>27</v>
      </c>
      <c r="E4" s="1" t="s">
        <v>369</v>
      </c>
      <c r="F4" s="1" t="s">
        <v>300</v>
      </c>
      <c r="G4" s="1" t="s">
        <v>411</v>
      </c>
      <c r="J4" s="1" t="s">
        <v>30</v>
      </c>
      <c r="K4" s="1" t="s">
        <v>415</v>
      </c>
      <c r="M4" s="1" t="s">
        <v>213</v>
      </c>
      <c r="N4" s="1" t="s">
        <v>33</v>
      </c>
      <c r="O4" s="1" t="s">
        <v>298</v>
      </c>
      <c r="P4" s="1" t="s">
        <v>35</v>
      </c>
      <c r="Q4" s="1" t="s">
        <v>84</v>
      </c>
      <c r="S4" s="1" t="s">
        <v>156</v>
      </c>
      <c r="U4" s="1">
        <v>8.4</v>
      </c>
      <c r="V4" s="1"/>
      <c r="W4" s="1"/>
      <c r="X4" s="1">
        <v>0.24</v>
      </c>
      <c r="Y4" s="1">
        <v>2.1000000000000001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14000000000000001</v>
      </c>
      <c r="BD4" s="1">
        <v>0.19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1.2E-2</v>
      </c>
      <c r="BO4" s="1"/>
      <c r="BP4" s="1"/>
      <c r="BQ4" s="1">
        <v>33.21</v>
      </c>
      <c r="BR4" s="1"/>
      <c r="BS4" s="1"/>
      <c r="BT4" s="1">
        <v>0.9</v>
      </c>
      <c r="BU4" s="1"/>
      <c r="BV4" s="1"/>
      <c r="BW4" s="1"/>
      <c r="BX4" s="1"/>
      <c r="BY4" s="1"/>
      <c r="BZ4" s="1"/>
    </row>
    <row r="5" spans="1:78" x14ac:dyDescent="0.15">
      <c r="B5" s="2">
        <v>0.36041666666666666</v>
      </c>
      <c r="C5" s="1" t="s">
        <v>478</v>
      </c>
      <c r="D5" s="1" t="s">
        <v>27</v>
      </c>
      <c r="E5" s="1" t="s">
        <v>369</v>
      </c>
      <c r="G5" s="1" t="s">
        <v>118</v>
      </c>
      <c r="J5" s="1" t="s">
        <v>403</v>
      </c>
      <c r="N5" s="1" t="s">
        <v>33</v>
      </c>
      <c r="P5" s="1" t="s">
        <v>35</v>
      </c>
      <c r="Q5" s="1" t="s">
        <v>84</v>
      </c>
      <c r="S5" s="1" t="s">
        <v>409</v>
      </c>
      <c r="U5" s="1">
        <v>7.5</v>
      </c>
      <c r="V5" s="1"/>
      <c r="W5" s="1"/>
      <c r="X5" s="1">
        <v>0.12</v>
      </c>
      <c r="Y5" s="1">
        <v>1.7999999999999999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0</v>
      </c>
      <c r="BC5" s="1">
        <v>0.08</v>
      </c>
      <c r="BD5" s="1">
        <v>0.13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1.4999999999999999E-2</v>
      </c>
      <c r="BO5" s="1"/>
      <c r="BP5" s="1"/>
      <c r="BQ5" s="1">
        <v>34.54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71</v>
      </c>
      <c r="B6" s="2">
        <v>0.37291666666666662</v>
      </c>
      <c r="C6" s="1" t="s">
        <v>476</v>
      </c>
      <c r="D6" s="1" t="s">
        <v>27</v>
      </c>
      <c r="E6" s="1" t="s">
        <v>70</v>
      </c>
      <c r="F6" s="1" t="s">
        <v>270</v>
      </c>
      <c r="G6" s="1" t="s">
        <v>46</v>
      </c>
      <c r="J6" s="1" t="s">
        <v>30</v>
      </c>
      <c r="K6" s="1" t="s">
        <v>415</v>
      </c>
      <c r="M6" s="1" t="s">
        <v>180</v>
      </c>
      <c r="N6" s="1" t="s">
        <v>74</v>
      </c>
      <c r="O6" s="1" t="s">
        <v>221</v>
      </c>
      <c r="P6" s="1" t="s">
        <v>35</v>
      </c>
      <c r="Q6" s="1" t="s">
        <v>146</v>
      </c>
      <c r="S6" s="1" t="s">
        <v>141</v>
      </c>
      <c r="U6" s="1">
        <v>12.4</v>
      </c>
      <c r="V6" s="1"/>
      <c r="W6" s="1"/>
      <c r="X6" s="1">
        <v>0.37</v>
      </c>
      <c r="Y6" s="1">
        <v>2.800000000000000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0</v>
      </c>
      <c r="BC6" s="1" t="s">
        <v>512</v>
      </c>
      <c r="BD6" s="1" t="s">
        <v>522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1E-3</v>
      </c>
      <c r="BO6" s="1"/>
      <c r="BP6" s="1"/>
      <c r="BQ6" s="1">
        <v>30.31</v>
      </c>
      <c r="BR6" s="1"/>
      <c r="BS6" s="1"/>
      <c r="BT6" s="1">
        <v>5.9</v>
      </c>
      <c r="BU6" s="1"/>
      <c r="BV6" s="1"/>
      <c r="BW6" s="1"/>
      <c r="BX6" s="1"/>
      <c r="BY6" s="1"/>
      <c r="BZ6" s="1"/>
    </row>
    <row r="7" spans="1:78" x14ac:dyDescent="0.15">
      <c r="B7" s="2">
        <v>0.37291666666666662</v>
      </c>
      <c r="C7" s="1" t="s">
        <v>478</v>
      </c>
      <c r="D7" s="1" t="s">
        <v>27</v>
      </c>
      <c r="E7" s="1" t="s">
        <v>70</v>
      </c>
      <c r="G7" s="1" t="s">
        <v>140</v>
      </c>
      <c r="J7" s="1" t="s">
        <v>403</v>
      </c>
      <c r="N7" s="1" t="s">
        <v>74</v>
      </c>
      <c r="P7" s="1" t="s">
        <v>35</v>
      </c>
      <c r="Q7" s="1" t="s">
        <v>36</v>
      </c>
      <c r="S7" s="1" t="s">
        <v>286</v>
      </c>
      <c r="U7" s="1">
        <v>7.4</v>
      </c>
      <c r="V7" s="1"/>
      <c r="W7" s="1"/>
      <c r="X7" s="1">
        <v>0.11</v>
      </c>
      <c r="Y7" s="1">
        <v>1.6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0</v>
      </c>
      <c r="BC7" s="1">
        <v>0.03</v>
      </c>
      <c r="BD7" s="1" t="s">
        <v>522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8.9999999999999993E-3</v>
      </c>
      <c r="BO7" s="1"/>
      <c r="BP7" s="1"/>
      <c r="BQ7" s="1">
        <v>34.46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6805555555555558</v>
      </c>
      <c r="C8" s="1" t="s">
        <v>476</v>
      </c>
      <c r="D8" s="1" t="s">
        <v>51</v>
      </c>
      <c r="E8" s="1" t="s">
        <v>477</v>
      </c>
      <c r="F8" s="1" t="s">
        <v>134</v>
      </c>
      <c r="G8" s="1" t="s">
        <v>294</v>
      </c>
      <c r="J8" s="1" t="s">
        <v>30</v>
      </c>
      <c r="K8" s="1" t="s">
        <v>415</v>
      </c>
      <c r="M8" s="1" t="s">
        <v>101</v>
      </c>
      <c r="N8" s="1" t="s">
        <v>33</v>
      </c>
      <c r="O8" s="1" t="s">
        <v>34</v>
      </c>
      <c r="P8" s="1" t="s">
        <v>35</v>
      </c>
      <c r="Q8" s="1" t="s">
        <v>146</v>
      </c>
      <c r="S8" s="1" t="s">
        <v>101</v>
      </c>
      <c r="U8" s="1">
        <v>11</v>
      </c>
      <c r="V8" s="1"/>
      <c r="W8" s="1"/>
      <c r="X8" s="1">
        <v>0.2</v>
      </c>
      <c r="Y8" s="1">
        <v>1.7999999999999999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0</v>
      </c>
      <c r="BC8" s="1" t="s">
        <v>51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>
        <v>1E-3</v>
      </c>
      <c r="BO8" s="1"/>
      <c r="BP8" s="1"/>
      <c r="BQ8" s="1">
        <v>31.4</v>
      </c>
      <c r="BR8" s="1"/>
      <c r="BS8" s="1"/>
      <c r="BT8" s="1">
        <v>8.8000000000000007</v>
      </c>
      <c r="BU8" s="1"/>
      <c r="BV8" s="1"/>
      <c r="BW8" s="1"/>
      <c r="BX8" s="1"/>
      <c r="BY8" s="1"/>
      <c r="BZ8" s="1"/>
    </row>
    <row r="9" spans="1:78" x14ac:dyDescent="0.15">
      <c r="B9" s="2">
        <v>0.36805555555555558</v>
      </c>
      <c r="C9" s="1" t="s">
        <v>478</v>
      </c>
      <c r="D9" s="1" t="s">
        <v>51</v>
      </c>
      <c r="E9" s="1" t="s">
        <v>477</v>
      </c>
      <c r="G9" s="1" t="s">
        <v>118</v>
      </c>
      <c r="J9" s="1" t="s">
        <v>403</v>
      </c>
      <c r="N9" s="1" t="s">
        <v>33</v>
      </c>
      <c r="P9" s="1" t="s">
        <v>35</v>
      </c>
      <c r="Q9" s="1" t="s">
        <v>36</v>
      </c>
      <c r="S9" s="1" t="s">
        <v>191</v>
      </c>
      <c r="U9" s="1">
        <v>7.3</v>
      </c>
      <c r="V9" s="1"/>
      <c r="W9" s="1"/>
      <c r="X9" s="1">
        <v>0.19</v>
      </c>
      <c r="Y9" s="1">
        <v>2.5000000000000001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0</v>
      </c>
      <c r="BC9" s="1">
        <v>0.11</v>
      </c>
      <c r="BD9" s="1">
        <v>0.16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2.4E-2</v>
      </c>
      <c r="BO9" s="1"/>
      <c r="BP9" s="1"/>
      <c r="BQ9" s="1">
        <v>34.42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6736111111111108</v>
      </c>
      <c r="C10" s="1" t="s">
        <v>476</v>
      </c>
      <c r="D10" s="1" t="s">
        <v>27</v>
      </c>
      <c r="E10" s="1" t="s">
        <v>477</v>
      </c>
      <c r="F10" s="1" t="s">
        <v>158</v>
      </c>
      <c r="G10" s="1" t="s">
        <v>275</v>
      </c>
      <c r="J10" s="1" t="s">
        <v>30</v>
      </c>
      <c r="K10" s="1" t="s">
        <v>415</v>
      </c>
      <c r="M10" s="1" t="s">
        <v>320</v>
      </c>
      <c r="N10" s="1" t="s">
        <v>33</v>
      </c>
      <c r="O10" s="1" t="s">
        <v>34</v>
      </c>
      <c r="P10" s="1" t="s">
        <v>35</v>
      </c>
      <c r="Q10" s="1" t="s">
        <v>63</v>
      </c>
      <c r="S10" s="1" t="s">
        <v>156</v>
      </c>
      <c r="U10" s="1">
        <v>9.9</v>
      </c>
      <c r="V10" s="1"/>
      <c r="W10" s="1"/>
      <c r="X10" s="1">
        <v>0.17</v>
      </c>
      <c r="Y10" s="1">
        <v>1.7000000000000001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2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2E-3</v>
      </c>
      <c r="BO10" s="1"/>
      <c r="BP10" s="1"/>
      <c r="BQ10" s="1">
        <v>32.1</v>
      </c>
      <c r="BR10" s="1"/>
      <c r="BS10" s="1"/>
      <c r="BT10" s="1">
        <v>6.6</v>
      </c>
      <c r="BU10" s="1"/>
      <c r="BV10" s="1"/>
      <c r="BW10" s="1"/>
      <c r="BX10" s="1"/>
      <c r="BY10" s="1"/>
      <c r="BZ10" s="1"/>
    </row>
    <row r="11" spans="1:78" x14ac:dyDescent="0.15">
      <c r="B11" s="2">
        <v>0.36736111111111108</v>
      </c>
      <c r="C11" s="1" t="s">
        <v>478</v>
      </c>
      <c r="D11" s="1" t="s">
        <v>27</v>
      </c>
      <c r="E11" s="1" t="s">
        <v>477</v>
      </c>
      <c r="G11" s="1" t="s">
        <v>99</v>
      </c>
      <c r="J11" s="1" t="s">
        <v>403</v>
      </c>
      <c r="N11" s="1" t="s">
        <v>33</v>
      </c>
      <c r="P11" s="1" t="s">
        <v>35</v>
      </c>
      <c r="Q11" s="1" t="s">
        <v>36</v>
      </c>
      <c r="S11" s="1" t="s">
        <v>62</v>
      </c>
      <c r="U11" s="1">
        <v>7.8</v>
      </c>
      <c r="V11" s="1"/>
      <c r="W11" s="1"/>
      <c r="X11" s="1">
        <v>0.09</v>
      </c>
      <c r="Y11" s="1">
        <v>1.2999999999999999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0</v>
      </c>
      <c r="BC11" s="1">
        <v>0.02</v>
      </c>
      <c r="BD11" s="1" t="s">
        <v>522</v>
      </c>
      <c r="BE11" s="1"/>
      <c r="BF11" s="1"/>
      <c r="BG11" s="1"/>
      <c r="BH11" s="1"/>
      <c r="BI11" s="1"/>
      <c r="BJ11" s="1"/>
      <c r="BK11" s="1"/>
      <c r="BL11" s="1"/>
      <c r="BM11" s="1" t="s">
        <v>533</v>
      </c>
      <c r="BN11" s="1">
        <v>0.01</v>
      </c>
      <c r="BO11" s="1"/>
      <c r="BP11" s="1"/>
      <c r="BQ11" s="1">
        <v>34.380000000000003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6736111111111108</v>
      </c>
      <c r="C12" s="1" t="s">
        <v>553</v>
      </c>
      <c r="D12" s="1" t="s">
        <v>27</v>
      </c>
      <c r="E12" s="1" t="s">
        <v>477</v>
      </c>
      <c r="J12" s="1" t="s">
        <v>223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8541666666666669</v>
      </c>
      <c r="C13" s="1" t="s">
        <v>476</v>
      </c>
      <c r="D13" s="1" t="s">
        <v>27</v>
      </c>
      <c r="E13" s="1" t="s">
        <v>70</v>
      </c>
      <c r="F13" s="1" t="s">
        <v>293</v>
      </c>
      <c r="G13" s="1" t="s">
        <v>307</v>
      </c>
      <c r="J13" s="1" t="s">
        <v>30</v>
      </c>
      <c r="K13" s="1" t="s">
        <v>415</v>
      </c>
      <c r="M13" s="1" t="s">
        <v>241</v>
      </c>
      <c r="N13" s="1" t="s">
        <v>33</v>
      </c>
      <c r="O13" s="1" t="s">
        <v>92</v>
      </c>
      <c r="P13" s="1" t="s">
        <v>35</v>
      </c>
      <c r="Q13" s="1" t="s">
        <v>63</v>
      </c>
      <c r="S13" s="1" t="s">
        <v>180</v>
      </c>
      <c r="U13" s="1">
        <v>8.9</v>
      </c>
      <c r="V13" s="1" t="s">
        <v>515</v>
      </c>
      <c r="W13" s="1" t="s">
        <v>508</v>
      </c>
      <c r="X13" s="1">
        <v>0.22</v>
      </c>
      <c r="Y13" s="1">
        <v>2.1999999999999999E-2</v>
      </c>
      <c r="Z13" s="1">
        <v>5.9999999999999995E-4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5.0000000000000001E-3</v>
      </c>
      <c r="BO13" s="1"/>
      <c r="BP13" s="1"/>
      <c r="BQ13" s="1">
        <v>32.020000000000003</v>
      </c>
      <c r="BR13" s="1"/>
      <c r="BS13" s="1"/>
      <c r="BT13" s="1">
        <v>4.4000000000000004</v>
      </c>
      <c r="BU13" s="1"/>
      <c r="BV13" s="1"/>
      <c r="BW13" s="1"/>
      <c r="BX13" s="1"/>
      <c r="BY13" s="1"/>
      <c r="BZ13" s="1"/>
    </row>
    <row r="14" spans="1:78" x14ac:dyDescent="0.15">
      <c r="B14" s="2">
        <v>0.38541666666666669</v>
      </c>
      <c r="C14" s="1" t="s">
        <v>478</v>
      </c>
      <c r="D14" s="1" t="s">
        <v>27</v>
      </c>
      <c r="E14" s="1" t="s">
        <v>70</v>
      </c>
      <c r="G14" s="1" t="s">
        <v>357</v>
      </c>
      <c r="J14" s="1" t="s">
        <v>403</v>
      </c>
      <c r="N14" s="1" t="s">
        <v>33</v>
      </c>
      <c r="P14" s="1" t="s">
        <v>35</v>
      </c>
      <c r="Q14" s="1" t="s">
        <v>36</v>
      </c>
      <c r="S14" s="1" t="s">
        <v>301</v>
      </c>
      <c r="U14" s="1">
        <v>7</v>
      </c>
      <c r="V14" s="1"/>
      <c r="W14" s="1"/>
      <c r="X14" s="1">
        <v>0.2</v>
      </c>
      <c r="Y14" s="1">
        <v>1.4E-2</v>
      </c>
      <c r="Z14" s="1" t="s">
        <v>51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0</v>
      </c>
      <c r="BC14" s="1">
        <v>0.03</v>
      </c>
      <c r="BD14" s="1" t="s">
        <v>522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8.9999999999999993E-3</v>
      </c>
      <c r="BO14" s="1"/>
      <c r="BP14" s="1"/>
      <c r="BQ14" s="1">
        <v>34.25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8541666666666669</v>
      </c>
      <c r="C15" s="1" t="s">
        <v>553</v>
      </c>
      <c r="D15" s="1" t="s">
        <v>27</v>
      </c>
      <c r="E15" s="1" t="s">
        <v>70</v>
      </c>
      <c r="J15" s="1" t="s">
        <v>223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376</v>
      </c>
      <c r="B16" s="2">
        <v>0.36736111111111108</v>
      </c>
      <c r="C16" s="1" t="s">
        <v>476</v>
      </c>
      <c r="D16" s="1" t="s">
        <v>43</v>
      </c>
      <c r="E16" s="1" t="s">
        <v>477</v>
      </c>
      <c r="F16" s="1" t="s">
        <v>254</v>
      </c>
      <c r="G16" s="1" t="s">
        <v>296</v>
      </c>
      <c r="J16" s="1" t="s">
        <v>30</v>
      </c>
      <c r="K16" s="1" t="s">
        <v>415</v>
      </c>
      <c r="M16" s="1" t="s">
        <v>248</v>
      </c>
      <c r="N16" s="1" t="s">
        <v>33</v>
      </c>
      <c r="O16" s="1" t="s">
        <v>298</v>
      </c>
      <c r="P16" s="1" t="s">
        <v>35</v>
      </c>
      <c r="Q16" s="1" t="s">
        <v>84</v>
      </c>
      <c r="S16" s="1" t="s">
        <v>170</v>
      </c>
      <c r="U16" s="1">
        <v>7.2</v>
      </c>
      <c r="V16" s="1"/>
      <c r="W16" s="1"/>
      <c r="X16" s="1">
        <v>0.18</v>
      </c>
      <c r="Y16" s="1">
        <v>0.0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0</v>
      </c>
      <c r="BC16" s="1">
        <v>0.03</v>
      </c>
      <c r="BD16" s="1" t="s">
        <v>522</v>
      </c>
      <c r="BE16" s="1"/>
      <c r="BF16" s="1"/>
      <c r="BG16" s="1"/>
      <c r="BH16" s="1"/>
      <c r="BI16" s="1"/>
      <c r="BJ16" s="1"/>
      <c r="BK16" s="1"/>
      <c r="BL16" s="1"/>
      <c r="BM16" s="1" t="s">
        <v>533</v>
      </c>
      <c r="BN16" s="1">
        <v>0.01</v>
      </c>
      <c r="BO16" s="1"/>
      <c r="BP16" s="1"/>
      <c r="BQ16" s="1">
        <v>33.049999999999997</v>
      </c>
      <c r="BR16" s="1"/>
      <c r="BS16" s="1"/>
      <c r="BT16" s="1">
        <v>0.7</v>
      </c>
      <c r="BU16" s="1"/>
      <c r="BV16" s="1"/>
      <c r="BW16" s="1"/>
      <c r="BX16" s="1"/>
      <c r="BY16" s="1"/>
      <c r="BZ16" s="1"/>
    </row>
    <row r="17" spans="1:78" x14ac:dyDescent="0.15">
      <c r="B17" s="2">
        <v>0.36736111111111108</v>
      </c>
      <c r="C17" s="1" t="s">
        <v>478</v>
      </c>
      <c r="D17" s="1" t="s">
        <v>43</v>
      </c>
      <c r="E17" s="1" t="s">
        <v>477</v>
      </c>
      <c r="G17" s="1" t="s">
        <v>53</v>
      </c>
      <c r="J17" s="1" t="s">
        <v>403</v>
      </c>
      <c r="N17" s="1" t="s">
        <v>33</v>
      </c>
      <c r="P17" s="1" t="s">
        <v>35</v>
      </c>
      <c r="Q17" s="1" t="s">
        <v>84</v>
      </c>
      <c r="S17" s="1" t="s">
        <v>225</v>
      </c>
      <c r="U17" s="1">
        <v>6.8</v>
      </c>
      <c r="V17" s="1"/>
      <c r="W17" s="1"/>
      <c r="X17" s="1">
        <v>0.09</v>
      </c>
      <c r="Y17" s="1">
        <v>1.2999999999999999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0</v>
      </c>
      <c r="BC17" s="1">
        <v>0.02</v>
      </c>
      <c r="BD17" s="1" t="s">
        <v>522</v>
      </c>
      <c r="BE17" s="1"/>
      <c r="BF17" s="1"/>
      <c r="BG17" s="1"/>
      <c r="BH17" s="1"/>
      <c r="BI17" s="1"/>
      <c r="BJ17" s="1"/>
      <c r="BK17" s="1"/>
      <c r="BL17" s="1"/>
      <c r="BM17" s="1" t="s">
        <v>533</v>
      </c>
      <c r="BN17" s="1">
        <v>6.0000000000000001E-3</v>
      </c>
      <c r="BO17" s="1"/>
      <c r="BP17" s="1"/>
      <c r="BQ17" s="1">
        <v>33.96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6736111111111108</v>
      </c>
      <c r="C18" s="1" t="s">
        <v>553</v>
      </c>
      <c r="D18" s="1" t="s">
        <v>43</v>
      </c>
      <c r="E18" s="1" t="s">
        <v>477</v>
      </c>
      <c r="J18" s="1" t="s">
        <v>223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7222222222222223</v>
      </c>
      <c r="C19" s="1" t="s">
        <v>476</v>
      </c>
      <c r="D19" s="1" t="s">
        <v>43</v>
      </c>
      <c r="E19" s="1" t="s">
        <v>70</v>
      </c>
      <c r="F19" s="1" t="s">
        <v>348</v>
      </c>
      <c r="G19" s="1" t="s">
        <v>161</v>
      </c>
      <c r="J19" s="1" t="s">
        <v>30</v>
      </c>
      <c r="K19" s="1" t="s">
        <v>415</v>
      </c>
      <c r="M19" s="1" t="s">
        <v>121</v>
      </c>
      <c r="N19" s="1" t="s">
        <v>33</v>
      </c>
      <c r="O19" s="1" t="s">
        <v>298</v>
      </c>
      <c r="P19" s="1" t="s">
        <v>35</v>
      </c>
      <c r="Q19" s="1" t="s">
        <v>36</v>
      </c>
      <c r="S19" s="1" t="s">
        <v>54</v>
      </c>
      <c r="U19" s="1">
        <v>9.1</v>
      </c>
      <c r="V19" s="1"/>
      <c r="W19" s="1"/>
      <c r="X19" s="1">
        <v>0.21</v>
      </c>
      <c r="Y19" s="1">
        <v>2.8000000000000001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1</v>
      </c>
      <c r="BC19" s="1">
        <v>0.08</v>
      </c>
      <c r="BD19" s="1">
        <v>0.13</v>
      </c>
      <c r="BE19" s="1"/>
      <c r="BF19" s="1"/>
      <c r="BG19" s="1"/>
      <c r="BH19" s="1"/>
      <c r="BI19" s="1"/>
      <c r="BJ19" s="1"/>
      <c r="BK19" s="1"/>
      <c r="BL19" s="1"/>
      <c r="BM19" s="1" t="s">
        <v>533</v>
      </c>
      <c r="BN19" s="1">
        <v>1.4999999999999999E-2</v>
      </c>
      <c r="BO19" s="1"/>
      <c r="BP19" s="1"/>
      <c r="BQ19" s="1">
        <v>32.72</v>
      </c>
      <c r="BR19" s="1"/>
      <c r="BS19" s="1"/>
      <c r="BT19" s="1">
        <v>1.5</v>
      </c>
      <c r="BU19" s="1"/>
      <c r="BV19" s="1"/>
      <c r="BW19" s="1"/>
      <c r="BX19" s="1"/>
      <c r="BY19" s="1"/>
      <c r="BZ19" s="1"/>
    </row>
    <row r="20" spans="1:78" x14ac:dyDescent="0.15">
      <c r="B20" s="2">
        <v>0.37222222222222223</v>
      </c>
      <c r="C20" s="1" t="s">
        <v>478</v>
      </c>
      <c r="D20" s="1" t="s">
        <v>43</v>
      </c>
      <c r="E20" s="1" t="s">
        <v>70</v>
      </c>
      <c r="G20" s="1" t="s">
        <v>184</v>
      </c>
      <c r="J20" s="1" t="s">
        <v>403</v>
      </c>
      <c r="N20" s="1" t="s">
        <v>33</v>
      </c>
      <c r="P20" s="1" t="s">
        <v>35</v>
      </c>
      <c r="Q20" s="1" t="s">
        <v>40</v>
      </c>
      <c r="S20" s="1" t="s">
        <v>191</v>
      </c>
      <c r="U20" s="1">
        <v>7.7</v>
      </c>
      <c r="V20" s="1"/>
      <c r="W20" s="1"/>
      <c r="X20" s="1">
        <v>0.18</v>
      </c>
      <c r="Y20" s="1">
        <v>2.5000000000000001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0</v>
      </c>
      <c r="BC20" s="1">
        <v>0.13</v>
      </c>
      <c r="BD20" s="1">
        <v>0.18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2.1999999999999999E-2</v>
      </c>
      <c r="BO20" s="1"/>
      <c r="BP20" s="1"/>
      <c r="BQ20" s="1">
        <v>34.119999999999997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7222222222222223</v>
      </c>
      <c r="C21" s="1" t="s">
        <v>553</v>
      </c>
      <c r="D21" s="1" t="s">
        <v>43</v>
      </c>
      <c r="E21" s="1" t="s">
        <v>70</v>
      </c>
      <c r="J21" s="1" t="s">
        <v>223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380</v>
      </c>
      <c r="B22" s="2">
        <v>0.3840277777777778</v>
      </c>
      <c r="C22" s="1" t="s">
        <v>476</v>
      </c>
      <c r="D22" s="1" t="s">
        <v>27</v>
      </c>
      <c r="E22" s="1" t="s">
        <v>477</v>
      </c>
      <c r="F22" s="1" t="s">
        <v>66</v>
      </c>
      <c r="G22" s="1" t="s">
        <v>276</v>
      </c>
      <c r="J22" s="1" t="s">
        <v>30</v>
      </c>
      <c r="K22" s="1" t="s">
        <v>415</v>
      </c>
      <c r="M22" s="1" t="s">
        <v>138</v>
      </c>
      <c r="N22" s="1" t="s">
        <v>33</v>
      </c>
      <c r="O22" s="1" t="s">
        <v>416</v>
      </c>
      <c r="P22" s="1" t="s">
        <v>35</v>
      </c>
      <c r="Q22" s="1" t="s">
        <v>84</v>
      </c>
      <c r="S22" s="1" t="s">
        <v>301</v>
      </c>
      <c r="U22" s="1">
        <v>7.6</v>
      </c>
      <c r="V22" s="1"/>
      <c r="W22" s="1"/>
      <c r="X22" s="1">
        <v>0.08</v>
      </c>
      <c r="Y22" s="1">
        <v>1.0999999999999999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10</v>
      </c>
      <c r="BC22" s="1">
        <v>0.02</v>
      </c>
      <c r="BD22" s="1" t="s">
        <v>522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6.0000000000000001E-3</v>
      </c>
      <c r="BO22" s="1"/>
      <c r="BP22" s="1"/>
      <c r="BQ22" s="1">
        <v>34.020000000000003</v>
      </c>
      <c r="BR22" s="1"/>
      <c r="BS22" s="1"/>
      <c r="BT22" s="1" t="s">
        <v>508</v>
      </c>
      <c r="BU22" s="1"/>
      <c r="BV22" s="1"/>
      <c r="BW22" s="1"/>
      <c r="BX22" s="1"/>
      <c r="BY22" s="1"/>
      <c r="BZ22" s="1"/>
    </row>
    <row r="23" spans="1:78" x14ac:dyDescent="0.15">
      <c r="B23" s="2">
        <v>0.3840277777777778</v>
      </c>
      <c r="C23" s="1" t="s">
        <v>478</v>
      </c>
      <c r="D23" s="1" t="s">
        <v>27</v>
      </c>
      <c r="E23" s="1" t="s">
        <v>477</v>
      </c>
      <c r="G23" s="1" t="s">
        <v>200</v>
      </c>
      <c r="J23" s="1" t="s">
        <v>403</v>
      </c>
      <c r="N23" s="1" t="s">
        <v>33</v>
      </c>
      <c r="P23" s="1" t="s">
        <v>35</v>
      </c>
      <c r="Q23" s="1" t="s">
        <v>84</v>
      </c>
      <c r="S23" s="1" t="s">
        <v>311</v>
      </c>
      <c r="U23" s="1">
        <v>6.9</v>
      </c>
      <c r="V23" s="1"/>
      <c r="W23" s="1"/>
      <c r="X23" s="1">
        <v>0.12</v>
      </c>
      <c r="Y23" s="1">
        <v>1.7000000000000001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1</v>
      </c>
      <c r="BC23" s="1">
        <v>0.05</v>
      </c>
      <c r="BD23" s="1">
        <v>0.1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0.01</v>
      </c>
      <c r="BO23" s="1"/>
      <c r="BP23" s="1"/>
      <c r="BQ23" s="1">
        <v>34.1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840277777777778</v>
      </c>
      <c r="C24" s="1" t="s">
        <v>553</v>
      </c>
      <c r="D24" s="1" t="s">
        <v>27</v>
      </c>
      <c r="E24" s="1" t="s">
        <v>477</v>
      </c>
      <c r="J24" s="1" t="s">
        <v>223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36041666666666666</v>
      </c>
      <c r="C25" s="1" t="s">
        <v>476</v>
      </c>
      <c r="D25" s="1" t="s">
        <v>43</v>
      </c>
      <c r="E25" s="1" t="s">
        <v>107</v>
      </c>
      <c r="F25" s="1" t="s">
        <v>190</v>
      </c>
      <c r="G25" s="1" t="s">
        <v>417</v>
      </c>
      <c r="J25" s="1" t="s">
        <v>30</v>
      </c>
      <c r="K25" s="1" t="s">
        <v>415</v>
      </c>
      <c r="M25" s="1" t="s">
        <v>112</v>
      </c>
      <c r="N25" s="1" t="s">
        <v>33</v>
      </c>
      <c r="O25" s="1" t="s">
        <v>341</v>
      </c>
      <c r="P25" s="1" t="s">
        <v>35</v>
      </c>
      <c r="Q25" s="1" t="s">
        <v>36</v>
      </c>
      <c r="S25" s="1" t="s">
        <v>311</v>
      </c>
      <c r="U25" s="1">
        <v>7.2</v>
      </c>
      <c r="V25" s="1"/>
      <c r="W25" s="1"/>
      <c r="X25" s="1">
        <v>0.23</v>
      </c>
      <c r="Y25" s="1">
        <v>2.1000000000000001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02</v>
      </c>
      <c r="BD25" s="1" t="s">
        <v>522</v>
      </c>
      <c r="BE25" s="1"/>
      <c r="BF25" s="1"/>
      <c r="BG25" s="1"/>
      <c r="BH25" s="1"/>
      <c r="BI25" s="1"/>
      <c r="BJ25" s="1"/>
      <c r="BK25" s="1"/>
      <c r="BL25" s="1"/>
      <c r="BM25" s="1" t="s">
        <v>533</v>
      </c>
      <c r="BN25" s="1">
        <v>4.0000000000000001E-3</v>
      </c>
      <c r="BO25" s="1"/>
      <c r="BP25" s="1"/>
      <c r="BQ25" s="1">
        <v>34.270000000000003</v>
      </c>
      <c r="BR25" s="1"/>
      <c r="BS25" s="1"/>
      <c r="BT25" s="1" t="s">
        <v>508</v>
      </c>
      <c r="BU25" s="1"/>
      <c r="BV25" s="1"/>
      <c r="BW25" s="1"/>
      <c r="BX25" s="1"/>
      <c r="BY25" s="1"/>
      <c r="BZ25" s="1"/>
    </row>
    <row r="26" spans="1:78" x14ac:dyDescent="0.15">
      <c r="B26" s="2">
        <v>0.36041666666666666</v>
      </c>
      <c r="C26" s="1" t="s">
        <v>478</v>
      </c>
      <c r="D26" s="1" t="s">
        <v>43</v>
      </c>
      <c r="E26" s="1" t="s">
        <v>107</v>
      </c>
      <c r="G26" s="1" t="s">
        <v>102</v>
      </c>
      <c r="J26" s="1" t="s">
        <v>403</v>
      </c>
      <c r="N26" s="1" t="s">
        <v>33</v>
      </c>
      <c r="P26" s="1" t="s">
        <v>35</v>
      </c>
      <c r="Q26" s="1" t="s">
        <v>36</v>
      </c>
      <c r="S26" s="1" t="s">
        <v>311</v>
      </c>
      <c r="U26" s="1">
        <v>7.2</v>
      </c>
      <c r="V26" s="1"/>
      <c r="W26" s="1"/>
      <c r="X26" s="1">
        <v>0.08</v>
      </c>
      <c r="Y26" s="1">
        <v>1.2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 t="s">
        <v>512</v>
      </c>
      <c r="BD26" s="1" t="s">
        <v>522</v>
      </c>
      <c r="BE26" s="1"/>
      <c r="BF26" s="1"/>
      <c r="BG26" s="1"/>
      <c r="BH26" s="1"/>
      <c r="BI26" s="1"/>
      <c r="BJ26" s="1"/>
      <c r="BK26" s="1"/>
      <c r="BL26" s="1"/>
      <c r="BM26" s="1" t="s">
        <v>533</v>
      </c>
      <c r="BN26" s="1">
        <v>5.0000000000000001E-3</v>
      </c>
      <c r="BO26" s="1"/>
      <c r="BP26" s="1"/>
      <c r="BQ26" s="1">
        <v>34.4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6041666666666666</v>
      </c>
      <c r="C27" s="1" t="s">
        <v>553</v>
      </c>
      <c r="D27" s="1" t="s">
        <v>43</v>
      </c>
      <c r="E27" s="1" t="s">
        <v>107</v>
      </c>
      <c r="J27" s="1" t="s">
        <v>223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375</v>
      </c>
      <c r="C28" s="1" t="s">
        <v>476</v>
      </c>
      <c r="D28" s="1" t="s">
        <v>27</v>
      </c>
      <c r="E28" s="1" t="s">
        <v>70</v>
      </c>
      <c r="F28" s="1" t="s">
        <v>64</v>
      </c>
      <c r="G28" s="1" t="s">
        <v>147</v>
      </c>
      <c r="J28" s="1" t="s">
        <v>30</v>
      </c>
      <c r="K28" s="1" t="s">
        <v>415</v>
      </c>
      <c r="M28" s="1" t="s">
        <v>139</v>
      </c>
      <c r="N28" s="1" t="s">
        <v>33</v>
      </c>
      <c r="O28" s="1" t="s">
        <v>341</v>
      </c>
      <c r="P28" s="1" t="s">
        <v>35</v>
      </c>
      <c r="Q28" s="1" t="s">
        <v>84</v>
      </c>
      <c r="S28" s="1" t="s">
        <v>409</v>
      </c>
      <c r="U28" s="1">
        <v>8</v>
      </c>
      <c r="V28" s="1"/>
      <c r="W28" s="1"/>
      <c r="X28" s="1">
        <v>0.14000000000000001</v>
      </c>
      <c r="Y28" s="1">
        <v>1.6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05</v>
      </c>
      <c r="BD28" s="1">
        <v>0.1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1.2E-2</v>
      </c>
      <c r="BO28" s="1"/>
      <c r="BP28" s="1"/>
      <c r="BQ28" s="1">
        <v>34.39</v>
      </c>
      <c r="BR28" s="1"/>
      <c r="BS28" s="1"/>
      <c r="BT28" s="1" t="s">
        <v>508</v>
      </c>
      <c r="BU28" s="1"/>
      <c r="BV28" s="1"/>
      <c r="BW28" s="1"/>
      <c r="BX28" s="1"/>
      <c r="BY28" s="1"/>
      <c r="BZ28" s="1"/>
    </row>
    <row r="29" spans="1:78" x14ac:dyDescent="0.15">
      <c r="B29" s="2">
        <v>0.375</v>
      </c>
      <c r="C29" s="1" t="s">
        <v>478</v>
      </c>
      <c r="D29" s="1" t="s">
        <v>27</v>
      </c>
      <c r="E29" s="1" t="s">
        <v>70</v>
      </c>
      <c r="G29" s="1" t="s">
        <v>147</v>
      </c>
      <c r="J29" s="1" t="s">
        <v>403</v>
      </c>
      <c r="N29" s="1" t="s">
        <v>33</v>
      </c>
      <c r="P29" s="1" t="s">
        <v>35</v>
      </c>
      <c r="Q29" s="1" t="s">
        <v>36</v>
      </c>
      <c r="S29" s="1" t="s">
        <v>315</v>
      </c>
      <c r="U29" s="1">
        <v>8</v>
      </c>
      <c r="V29" s="1"/>
      <c r="W29" s="1"/>
      <c r="X29" s="1">
        <v>0.13</v>
      </c>
      <c r="Y29" s="1">
        <v>1.6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04</v>
      </c>
      <c r="BD29" s="1" t="s">
        <v>522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0.01</v>
      </c>
      <c r="BO29" s="1"/>
      <c r="BP29" s="1"/>
      <c r="BQ29" s="1">
        <v>34.39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75</v>
      </c>
      <c r="C30" s="1" t="s">
        <v>553</v>
      </c>
      <c r="D30" s="1" t="s">
        <v>27</v>
      </c>
      <c r="E30" s="1" t="s">
        <v>70</v>
      </c>
      <c r="J30" s="1" t="s">
        <v>223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83</v>
      </c>
      <c r="B31" s="2">
        <v>0.38958333333333334</v>
      </c>
      <c r="C31" s="1" t="s">
        <v>476</v>
      </c>
      <c r="D31" s="1" t="s">
        <v>51</v>
      </c>
      <c r="E31" s="1" t="s">
        <v>477</v>
      </c>
      <c r="F31" s="1" t="s">
        <v>282</v>
      </c>
      <c r="G31" s="1" t="s">
        <v>177</v>
      </c>
      <c r="J31" s="1" t="s">
        <v>30</v>
      </c>
      <c r="K31" s="1" t="s">
        <v>415</v>
      </c>
      <c r="M31" s="1" t="s">
        <v>166</v>
      </c>
      <c r="N31" s="1" t="s">
        <v>33</v>
      </c>
      <c r="O31" s="1" t="s">
        <v>341</v>
      </c>
      <c r="P31" s="1" t="s">
        <v>35</v>
      </c>
      <c r="Q31" s="1" t="s">
        <v>84</v>
      </c>
      <c r="S31" s="1" t="s">
        <v>315</v>
      </c>
      <c r="U31" s="1">
        <v>7.9</v>
      </c>
      <c r="V31" s="1" t="s">
        <v>515</v>
      </c>
      <c r="W31" s="1" t="s">
        <v>508</v>
      </c>
      <c r="X31" s="1">
        <v>0.14000000000000001</v>
      </c>
      <c r="Y31" s="1">
        <v>1.2999999999999999E-2</v>
      </c>
      <c r="Z31" s="1">
        <v>1.1000000000000001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10</v>
      </c>
      <c r="BC31" s="1">
        <v>0.05</v>
      </c>
      <c r="BD31" s="1">
        <v>0.1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7.0000000000000001E-3</v>
      </c>
      <c r="BO31" s="1"/>
      <c r="BP31" s="1"/>
      <c r="BQ31" s="1">
        <v>34.369999999999997</v>
      </c>
      <c r="BR31" s="1"/>
      <c r="BS31" s="1"/>
      <c r="BT31" s="1" t="s">
        <v>508</v>
      </c>
      <c r="BU31" s="1"/>
      <c r="BV31" s="1"/>
      <c r="BW31" s="1"/>
      <c r="BX31" s="1"/>
      <c r="BY31" s="1"/>
      <c r="BZ31" s="1"/>
    </row>
    <row r="32" spans="1:78" x14ac:dyDescent="0.15">
      <c r="B32" s="2">
        <v>0.38958333333333334</v>
      </c>
      <c r="C32" s="1" t="s">
        <v>478</v>
      </c>
      <c r="D32" s="1" t="s">
        <v>51</v>
      </c>
      <c r="E32" s="1" t="s">
        <v>477</v>
      </c>
      <c r="G32" s="1" t="s">
        <v>351</v>
      </c>
      <c r="J32" s="1" t="s">
        <v>403</v>
      </c>
      <c r="N32" s="1" t="s">
        <v>33</v>
      </c>
      <c r="P32" s="1" t="s">
        <v>35</v>
      </c>
      <c r="Q32" s="1" t="s">
        <v>36</v>
      </c>
      <c r="S32" s="1" t="s">
        <v>315</v>
      </c>
      <c r="U32" s="1">
        <v>7.8</v>
      </c>
      <c r="V32" s="1"/>
      <c r="W32" s="1"/>
      <c r="X32" s="1">
        <v>0.17</v>
      </c>
      <c r="Y32" s="1">
        <v>1.4E-2</v>
      </c>
      <c r="Z32" s="1">
        <v>2.200000000000000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10</v>
      </c>
      <c r="BC32" s="1">
        <v>0.06</v>
      </c>
      <c r="BD32" s="1">
        <v>0.11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8.9999999999999993E-3</v>
      </c>
      <c r="BO32" s="1"/>
      <c r="BP32" s="1"/>
      <c r="BQ32" s="1">
        <v>34.590000000000003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8958333333333334</v>
      </c>
      <c r="C33" s="1" t="s">
        <v>553</v>
      </c>
      <c r="D33" s="1" t="s">
        <v>51</v>
      </c>
      <c r="E33" s="1" t="s">
        <v>477</v>
      </c>
      <c r="J33" s="1" t="s">
        <v>223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6319444444444443</v>
      </c>
      <c r="C34" s="1" t="s">
        <v>476</v>
      </c>
      <c r="D34" s="1" t="s">
        <v>43</v>
      </c>
      <c r="E34" s="1" t="s">
        <v>477</v>
      </c>
      <c r="F34" s="1" t="s">
        <v>95</v>
      </c>
      <c r="G34" s="1" t="s">
        <v>140</v>
      </c>
      <c r="J34" s="1" t="s">
        <v>30</v>
      </c>
      <c r="K34" s="1" t="s">
        <v>415</v>
      </c>
      <c r="M34" s="1" t="s">
        <v>124</v>
      </c>
      <c r="N34" s="1" t="s">
        <v>33</v>
      </c>
      <c r="O34" s="1" t="s">
        <v>341</v>
      </c>
      <c r="P34" s="1" t="s">
        <v>35</v>
      </c>
      <c r="Q34" s="1" t="s">
        <v>84</v>
      </c>
      <c r="S34" s="1" t="s">
        <v>409</v>
      </c>
      <c r="U34" s="1">
        <v>8.1999999999999993</v>
      </c>
      <c r="V34" s="1"/>
      <c r="W34" s="1"/>
      <c r="X34" s="1">
        <v>0.09</v>
      </c>
      <c r="Y34" s="1">
        <v>1.2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10</v>
      </c>
      <c r="BC34" s="1">
        <v>0.02</v>
      </c>
      <c r="BD34" s="1" t="s">
        <v>522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6.0000000000000001E-3</v>
      </c>
      <c r="BO34" s="1"/>
      <c r="BP34" s="1"/>
      <c r="BQ34" s="1">
        <v>34.69</v>
      </c>
      <c r="BR34" s="1"/>
      <c r="BS34" s="1"/>
      <c r="BT34" s="1" t="s">
        <v>508</v>
      </c>
      <c r="BU34" s="1"/>
      <c r="BV34" s="1"/>
      <c r="BW34" s="1"/>
      <c r="BX34" s="1"/>
      <c r="BY34" s="1"/>
      <c r="BZ34" s="1"/>
    </row>
    <row r="35" spans="1:78" x14ac:dyDescent="0.15">
      <c r="B35" s="2">
        <v>0.36319444444444443</v>
      </c>
      <c r="C35" s="1" t="s">
        <v>478</v>
      </c>
      <c r="D35" s="1" t="s">
        <v>43</v>
      </c>
      <c r="E35" s="1" t="s">
        <v>477</v>
      </c>
      <c r="G35" s="1" t="s">
        <v>100</v>
      </c>
      <c r="J35" s="1" t="s">
        <v>403</v>
      </c>
      <c r="N35" s="1" t="s">
        <v>33</v>
      </c>
      <c r="P35" s="1" t="s">
        <v>35</v>
      </c>
      <c r="Q35" s="1" t="s">
        <v>84</v>
      </c>
      <c r="S35" s="1" t="s">
        <v>315</v>
      </c>
      <c r="U35" s="1">
        <v>8.1</v>
      </c>
      <c r="V35" s="1"/>
      <c r="W35" s="1"/>
      <c r="X35" s="1">
        <v>0.16</v>
      </c>
      <c r="Y35" s="1">
        <v>1.7000000000000001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10</v>
      </c>
      <c r="BC35" s="1">
        <v>0.08</v>
      </c>
      <c r="BD35" s="1">
        <v>0.13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8.9999999999999993E-3</v>
      </c>
      <c r="BO35" s="1"/>
      <c r="BP35" s="1"/>
      <c r="BQ35" s="1">
        <v>35.04999999999999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6319444444444443</v>
      </c>
      <c r="C36" s="1" t="s">
        <v>553</v>
      </c>
      <c r="D36" s="1" t="s">
        <v>43</v>
      </c>
      <c r="E36" s="1" t="s">
        <v>477</v>
      </c>
      <c r="J36" s="1" t="s">
        <v>223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3" spans="21:21" x14ac:dyDescent="0.15">
      <c r="U1493" s="1"/>
    </row>
    <row r="1494" spans="21:21" x14ac:dyDescent="0.15">
      <c r="U1494" s="1"/>
    </row>
    <row r="1495" spans="21:21" x14ac:dyDescent="0.15">
      <c r="U1495" s="1"/>
    </row>
    <row r="1496" spans="21:21" x14ac:dyDescent="0.15">
      <c r="U1496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0" spans="21:21" x14ac:dyDescent="0.15">
      <c r="U1500" s="1"/>
    </row>
    <row r="1501" spans="21:21" x14ac:dyDescent="0.15">
      <c r="U1501" s="1"/>
    </row>
    <row r="1502" spans="21:21" x14ac:dyDescent="0.15">
      <c r="U1502" s="1"/>
    </row>
    <row r="1503" spans="21:21" x14ac:dyDescent="0.15">
      <c r="U1503" s="1"/>
    </row>
    <row r="1504" spans="21:21" x14ac:dyDescent="0.15">
      <c r="U1504" s="1"/>
    </row>
    <row r="1505" spans="21:21" x14ac:dyDescent="0.15">
      <c r="U1505" s="1"/>
    </row>
    <row r="1506" spans="21:21" x14ac:dyDescent="0.15">
      <c r="U1506" s="1"/>
    </row>
    <row r="1507" spans="21:21" x14ac:dyDescent="0.15">
      <c r="U1507" s="1"/>
    </row>
    <row r="1508" spans="21:21" x14ac:dyDescent="0.15">
      <c r="U1508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  <row r="1512" spans="21:21" x14ac:dyDescent="0.15">
      <c r="U1512" s="1"/>
    </row>
    <row r="1513" spans="21:21" x14ac:dyDescent="0.15">
      <c r="U1513" s="1"/>
    </row>
    <row r="1514" spans="21:21" x14ac:dyDescent="0.15">
      <c r="U1514" s="1"/>
    </row>
    <row r="1515" spans="21:21" x14ac:dyDescent="0.15">
      <c r="U1515" s="1"/>
    </row>
    <row r="1516" spans="21:21" x14ac:dyDescent="0.15">
      <c r="U1516" s="1"/>
    </row>
    <row r="1517" spans="21:21" x14ac:dyDescent="0.15">
      <c r="U1517" s="1"/>
    </row>
    <row r="1518" spans="21:21" x14ac:dyDescent="0.15">
      <c r="U1518" s="1"/>
    </row>
    <row r="1523" spans="21:21" x14ac:dyDescent="0.15">
      <c r="U1523" s="1"/>
    </row>
    <row r="1524" spans="21:21" x14ac:dyDescent="0.15">
      <c r="U1524" s="1"/>
    </row>
    <row r="1525" spans="21:21" x14ac:dyDescent="0.15">
      <c r="U1525" s="1"/>
    </row>
    <row r="1526" spans="21:21" x14ac:dyDescent="0.15">
      <c r="U1526" s="1"/>
    </row>
    <row r="1527" spans="21:21" x14ac:dyDescent="0.15">
      <c r="U1527" s="1"/>
    </row>
    <row r="1528" spans="21:21" x14ac:dyDescent="0.15">
      <c r="U1528" s="1"/>
    </row>
    <row r="1529" spans="21:21" x14ac:dyDescent="0.15">
      <c r="U1529" s="1"/>
    </row>
    <row r="1530" spans="21:21" x14ac:dyDescent="0.15">
      <c r="U1530" s="1"/>
    </row>
    <row r="1531" spans="21:21" x14ac:dyDescent="0.15">
      <c r="U1531" s="1"/>
    </row>
    <row r="1532" spans="21:21" x14ac:dyDescent="0.15">
      <c r="U1532" s="1"/>
    </row>
    <row r="1533" spans="21:21" x14ac:dyDescent="0.15">
      <c r="U1533" s="1"/>
    </row>
    <row r="1534" spans="21:21" x14ac:dyDescent="0.15">
      <c r="U1534" s="1"/>
    </row>
    <row r="1535" spans="21:21" x14ac:dyDescent="0.15">
      <c r="U1535" s="1"/>
    </row>
    <row r="1536" spans="21:21" x14ac:dyDescent="0.15">
      <c r="U1536" s="1"/>
    </row>
    <row r="1537" spans="21:21" x14ac:dyDescent="0.15">
      <c r="U1537" s="1"/>
    </row>
    <row r="1538" spans="21:21" x14ac:dyDescent="0.15">
      <c r="U1538" s="1"/>
    </row>
    <row r="1539" spans="21:21" x14ac:dyDescent="0.15">
      <c r="U1539" s="1"/>
    </row>
    <row r="1540" spans="21:21" x14ac:dyDescent="0.15">
      <c r="U1540" s="1"/>
    </row>
    <row r="1541" spans="21:21" x14ac:dyDescent="0.15">
      <c r="U1541" s="1"/>
    </row>
    <row r="1542" spans="21:21" x14ac:dyDescent="0.15">
      <c r="U1542" s="1"/>
    </row>
    <row r="1543" spans="21:21" x14ac:dyDescent="0.15">
      <c r="U1543" s="1"/>
    </row>
    <row r="1544" spans="21:21" x14ac:dyDescent="0.15">
      <c r="U1544" s="1"/>
    </row>
    <row r="1545" spans="21:21" x14ac:dyDescent="0.15">
      <c r="U1545" s="1"/>
    </row>
    <row r="1546" spans="21:21" x14ac:dyDescent="0.15">
      <c r="U1546" s="1"/>
    </row>
    <row r="1547" spans="21:21" x14ac:dyDescent="0.15">
      <c r="U1547" s="1"/>
    </row>
    <row r="1548" spans="21:21" x14ac:dyDescent="0.15">
      <c r="U1548" s="1"/>
    </row>
    <row r="1549" spans="21:21" x14ac:dyDescent="0.15">
      <c r="U1549" s="1"/>
    </row>
    <row r="1550" spans="21:21" x14ac:dyDescent="0.15">
      <c r="U1550" s="1"/>
    </row>
    <row r="1551" spans="21:21" x14ac:dyDescent="0.15">
      <c r="U1551" s="1"/>
    </row>
    <row r="1552" spans="21:21" x14ac:dyDescent="0.15">
      <c r="U1552" s="1"/>
    </row>
    <row r="1553" spans="21:21" x14ac:dyDescent="0.15">
      <c r="U1553" s="1"/>
    </row>
    <row r="1554" spans="21:21" x14ac:dyDescent="0.15">
      <c r="U1554" s="1"/>
    </row>
    <row r="1555" spans="21:21" x14ac:dyDescent="0.15">
      <c r="U1555" s="1"/>
    </row>
    <row r="1556" spans="21:21" x14ac:dyDescent="0.15">
      <c r="U1556" s="1"/>
    </row>
    <row r="1561" spans="21:21" x14ac:dyDescent="0.15">
      <c r="U1561" s="1"/>
    </row>
    <row r="1562" spans="21:21" x14ac:dyDescent="0.15">
      <c r="U1562" s="1"/>
    </row>
    <row r="1563" spans="21:21" x14ac:dyDescent="0.15">
      <c r="U1563" s="1"/>
    </row>
    <row r="1564" spans="21:21" x14ac:dyDescent="0.15">
      <c r="U1564" s="1"/>
    </row>
    <row r="1565" spans="21:21" x14ac:dyDescent="0.15">
      <c r="U1565" s="1"/>
    </row>
    <row r="1566" spans="21:21" x14ac:dyDescent="0.15">
      <c r="U1566" s="1"/>
    </row>
    <row r="1567" spans="21:21" x14ac:dyDescent="0.15">
      <c r="U1567" s="1"/>
    </row>
    <row r="1568" spans="21:21" x14ac:dyDescent="0.15">
      <c r="U1568" s="1"/>
    </row>
    <row r="1569" spans="21:21" x14ac:dyDescent="0.15">
      <c r="U1569" s="1"/>
    </row>
    <row r="1570" spans="21:21" x14ac:dyDescent="0.15">
      <c r="U1570" s="1"/>
    </row>
    <row r="1571" spans="21:21" x14ac:dyDescent="0.15">
      <c r="U1571" s="1"/>
    </row>
    <row r="1572" spans="21:21" x14ac:dyDescent="0.15">
      <c r="U1572" s="1"/>
    </row>
    <row r="1573" spans="21:21" x14ac:dyDescent="0.15">
      <c r="U1573" s="1"/>
    </row>
    <row r="1574" spans="21:21" x14ac:dyDescent="0.15">
      <c r="U1574" s="1"/>
    </row>
    <row r="1575" spans="21:21" x14ac:dyDescent="0.15">
      <c r="U1575" s="1"/>
    </row>
    <row r="1576" spans="21:21" x14ac:dyDescent="0.15">
      <c r="U1576" s="1"/>
    </row>
    <row r="1577" spans="21:21" x14ac:dyDescent="0.15">
      <c r="U1577" s="1"/>
    </row>
    <row r="1578" spans="21:21" x14ac:dyDescent="0.15">
      <c r="U1578" s="1"/>
    </row>
    <row r="1579" spans="21:21" x14ac:dyDescent="0.15">
      <c r="U1579" s="1"/>
    </row>
    <row r="1580" spans="21:21" x14ac:dyDescent="0.15">
      <c r="U1580" s="1"/>
    </row>
    <row r="1581" spans="21:21" x14ac:dyDescent="0.15">
      <c r="U1581" s="1"/>
    </row>
    <row r="1582" spans="21:21" x14ac:dyDescent="0.15">
      <c r="U1582" s="1"/>
    </row>
    <row r="1583" spans="21:21" x14ac:dyDescent="0.15">
      <c r="U1583" s="1"/>
    </row>
    <row r="1584" spans="21:21" x14ac:dyDescent="0.15">
      <c r="U1584" s="1"/>
    </row>
    <row r="1585" spans="21:21" x14ac:dyDescent="0.15">
      <c r="U1585" s="1"/>
    </row>
    <row r="1586" spans="21:21" x14ac:dyDescent="0.15">
      <c r="U1586" s="1"/>
    </row>
    <row r="1587" spans="21:21" x14ac:dyDescent="0.15">
      <c r="U1587" s="1"/>
    </row>
    <row r="1588" spans="21:21" x14ac:dyDescent="0.15">
      <c r="U1588" s="1"/>
    </row>
    <row r="1589" spans="21:21" x14ac:dyDescent="0.15">
      <c r="U1589" s="1"/>
    </row>
    <row r="1590" spans="21:21" x14ac:dyDescent="0.15">
      <c r="U1590" s="1"/>
    </row>
    <row r="1591" spans="21:21" x14ac:dyDescent="0.15">
      <c r="U1591" s="1"/>
    </row>
    <row r="1592" spans="21:21" x14ac:dyDescent="0.15">
      <c r="U1592" s="1"/>
    </row>
    <row r="1593" spans="21:21" x14ac:dyDescent="0.15">
      <c r="U1593" s="1"/>
    </row>
    <row r="1594" spans="21:21" x14ac:dyDescent="0.15">
      <c r="U1594" s="1"/>
    </row>
    <row r="1599" spans="21:21" x14ac:dyDescent="0.15">
      <c r="U1599" s="1"/>
    </row>
    <row r="1600" spans="21:21" x14ac:dyDescent="0.15">
      <c r="U1600" s="1"/>
    </row>
    <row r="1601" spans="21:21" x14ac:dyDescent="0.15">
      <c r="U1601" s="1"/>
    </row>
    <row r="1602" spans="21:21" x14ac:dyDescent="0.15">
      <c r="U1602" s="1"/>
    </row>
    <row r="1603" spans="21:21" x14ac:dyDescent="0.15">
      <c r="U1603" s="1"/>
    </row>
    <row r="1604" spans="21:21" x14ac:dyDescent="0.15">
      <c r="U1604" s="1"/>
    </row>
    <row r="1605" spans="21:21" x14ac:dyDescent="0.15">
      <c r="U1605" s="1"/>
    </row>
    <row r="1606" spans="21:21" x14ac:dyDescent="0.15">
      <c r="U1606" s="1"/>
    </row>
    <row r="1607" spans="21:21" x14ac:dyDescent="0.15">
      <c r="U1607" s="1"/>
    </row>
    <row r="1608" spans="21:21" x14ac:dyDescent="0.15">
      <c r="U1608" s="1"/>
    </row>
    <row r="1609" spans="21:21" x14ac:dyDescent="0.15">
      <c r="U1609" s="1"/>
    </row>
    <row r="1610" spans="21:21" x14ac:dyDescent="0.15">
      <c r="U1610" s="1"/>
    </row>
    <row r="1611" spans="21:21" x14ac:dyDescent="0.15">
      <c r="U1611" s="1"/>
    </row>
    <row r="1612" spans="21:21" x14ac:dyDescent="0.15">
      <c r="U1612" s="1"/>
    </row>
    <row r="1613" spans="21:21" x14ac:dyDescent="0.15">
      <c r="U1613" s="1"/>
    </row>
    <row r="1614" spans="21:21" x14ac:dyDescent="0.15">
      <c r="U1614" s="1"/>
    </row>
    <row r="1615" spans="21:21" x14ac:dyDescent="0.15">
      <c r="U1615" s="1"/>
    </row>
    <row r="1616" spans="21:21" x14ac:dyDescent="0.15">
      <c r="U1616" s="1"/>
    </row>
    <row r="1617" spans="21:21" x14ac:dyDescent="0.15">
      <c r="U1617" s="1"/>
    </row>
    <row r="1618" spans="21:21" x14ac:dyDescent="0.15">
      <c r="U1618" s="1"/>
    </row>
    <row r="1619" spans="21:21" x14ac:dyDescent="0.15">
      <c r="U1619" s="1"/>
    </row>
    <row r="1620" spans="21:21" x14ac:dyDescent="0.15">
      <c r="U1620" s="1"/>
    </row>
    <row r="1621" spans="21:21" x14ac:dyDescent="0.15">
      <c r="U1621" s="1"/>
    </row>
    <row r="1622" spans="21:21" x14ac:dyDescent="0.15">
      <c r="U1622" s="1"/>
    </row>
    <row r="1623" spans="21:21" x14ac:dyDescent="0.15">
      <c r="U1623" s="1"/>
    </row>
    <row r="1624" spans="21:21" x14ac:dyDescent="0.15">
      <c r="U1624" s="1"/>
    </row>
    <row r="1625" spans="21:21" x14ac:dyDescent="0.15">
      <c r="U1625" s="1"/>
    </row>
    <row r="1626" spans="21:21" x14ac:dyDescent="0.15">
      <c r="U1626" s="1"/>
    </row>
    <row r="1627" spans="21:21" x14ac:dyDescent="0.15">
      <c r="U1627" s="1"/>
    </row>
    <row r="1628" spans="21:21" x14ac:dyDescent="0.15">
      <c r="U1628" s="1"/>
    </row>
    <row r="1629" spans="21:21" x14ac:dyDescent="0.15">
      <c r="U1629" s="1"/>
    </row>
    <row r="1630" spans="21:21" x14ac:dyDescent="0.15">
      <c r="U1630" s="1"/>
    </row>
    <row r="1631" spans="21:21" x14ac:dyDescent="0.15">
      <c r="U1631" s="1"/>
    </row>
    <row r="1632" spans="21:21" x14ac:dyDescent="0.15">
      <c r="U1632" s="1"/>
    </row>
    <row r="1637" spans="21:21" x14ac:dyDescent="0.15">
      <c r="U1637" s="1"/>
    </row>
    <row r="1638" spans="21:21" x14ac:dyDescent="0.15">
      <c r="U1638" s="1"/>
    </row>
    <row r="1639" spans="21:21" x14ac:dyDescent="0.15">
      <c r="U1639" s="1"/>
    </row>
    <row r="1640" spans="21:21" x14ac:dyDescent="0.15">
      <c r="U1640" s="1"/>
    </row>
    <row r="1641" spans="21:21" x14ac:dyDescent="0.15">
      <c r="U1641" s="1"/>
    </row>
    <row r="1642" spans="21:21" x14ac:dyDescent="0.15">
      <c r="U1642" s="1"/>
    </row>
    <row r="1643" spans="21:21" x14ac:dyDescent="0.15">
      <c r="U1643" s="1"/>
    </row>
    <row r="1644" spans="21:21" x14ac:dyDescent="0.15">
      <c r="U1644" s="1"/>
    </row>
    <row r="1645" spans="21:21" x14ac:dyDescent="0.15">
      <c r="U1645" s="1"/>
    </row>
    <row r="1646" spans="21:21" x14ac:dyDescent="0.15">
      <c r="U1646" s="1"/>
    </row>
    <row r="1647" spans="21:21" x14ac:dyDescent="0.15">
      <c r="U1647" s="1"/>
    </row>
    <row r="1648" spans="21:21" x14ac:dyDescent="0.15">
      <c r="U1648" s="1"/>
    </row>
    <row r="1649" spans="21:21" x14ac:dyDescent="0.15">
      <c r="U1649" s="1"/>
    </row>
    <row r="1650" spans="21:21" x14ac:dyDescent="0.15">
      <c r="U1650" s="1"/>
    </row>
    <row r="1651" spans="21:21" x14ac:dyDescent="0.15">
      <c r="U1651" s="1"/>
    </row>
    <row r="1652" spans="21:21" x14ac:dyDescent="0.15">
      <c r="U1652" s="1"/>
    </row>
    <row r="1653" spans="21:21" x14ac:dyDescent="0.15">
      <c r="U1653" s="1"/>
    </row>
    <row r="1654" spans="21:21" x14ac:dyDescent="0.15">
      <c r="U1654" s="1"/>
    </row>
    <row r="1655" spans="21:21" x14ac:dyDescent="0.15">
      <c r="U1655" s="1"/>
    </row>
    <row r="1656" spans="21:21" x14ac:dyDescent="0.15">
      <c r="U1656" s="1"/>
    </row>
    <row r="1657" spans="21:21" x14ac:dyDescent="0.15">
      <c r="U1657" s="1"/>
    </row>
    <row r="1658" spans="21:21" x14ac:dyDescent="0.15">
      <c r="U1658" s="1"/>
    </row>
    <row r="1659" spans="21:21" x14ac:dyDescent="0.15">
      <c r="U1659" s="1"/>
    </row>
    <row r="1660" spans="21:21" x14ac:dyDescent="0.15">
      <c r="U1660" s="1"/>
    </row>
    <row r="1661" spans="21:21" x14ac:dyDescent="0.15">
      <c r="U1661" s="1"/>
    </row>
    <row r="1662" spans="21:21" x14ac:dyDescent="0.15">
      <c r="U1662" s="1"/>
    </row>
    <row r="1663" spans="21:21" x14ac:dyDescent="0.15">
      <c r="U1663" s="1"/>
    </row>
    <row r="1664" spans="21:21" x14ac:dyDescent="0.15">
      <c r="U1664" s="1"/>
    </row>
    <row r="1665" spans="21:21" x14ac:dyDescent="0.15">
      <c r="U1665" s="1"/>
    </row>
    <row r="1666" spans="21:21" x14ac:dyDescent="0.15">
      <c r="U1666" s="1"/>
    </row>
    <row r="1667" spans="21:21" x14ac:dyDescent="0.15">
      <c r="U1667" s="1"/>
    </row>
    <row r="1668" spans="21:21" x14ac:dyDescent="0.15">
      <c r="U1668" s="1"/>
    </row>
    <row r="1669" spans="21:21" x14ac:dyDescent="0.15">
      <c r="U1669" s="1"/>
    </row>
    <row r="1670" spans="21:21" x14ac:dyDescent="0.15">
      <c r="U1670" s="1"/>
    </row>
    <row r="1675" spans="21:21" x14ac:dyDescent="0.15">
      <c r="U1675" s="1"/>
    </row>
    <row r="1676" spans="21:21" x14ac:dyDescent="0.15">
      <c r="U1676" s="1"/>
    </row>
    <row r="1677" spans="21:21" x14ac:dyDescent="0.15">
      <c r="U1677" s="1"/>
    </row>
    <row r="1678" spans="21:21" x14ac:dyDescent="0.15">
      <c r="U1678" s="1"/>
    </row>
    <row r="1679" spans="21:21" x14ac:dyDescent="0.15">
      <c r="U1679" s="1"/>
    </row>
    <row r="1680" spans="21:21" x14ac:dyDescent="0.15">
      <c r="U1680" s="1"/>
    </row>
    <row r="1681" spans="21:21" x14ac:dyDescent="0.15">
      <c r="U1681" s="1"/>
    </row>
    <row r="1682" spans="21:21" x14ac:dyDescent="0.15">
      <c r="U1682" s="1"/>
    </row>
    <row r="1683" spans="21:21" x14ac:dyDescent="0.15">
      <c r="U1683" s="1"/>
    </row>
    <row r="1684" spans="21:21" x14ac:dyDescent="0.15">
      <c r="U1684" s="1"/>
    </row>
    <row r="1685" spans="21:21" x14ac:dyDescent="0.15">
      <c r="U1685" s="1"/>
    </row>
    <row r="1686" spans="21:21" x14ac:dyDescent="0.15">
      <c r="U1686" s="1"/>
    </row>
    <row r="1687" spans="21:21" x14ac:dyDescent="0.15">
      <c r="U1687" s="1"/>
    </row>
    <row r="1688" spans="21:21" x14ac:dyDescent="0.15">
      <c r="U1688" s="1"/>
    </row>
    <row r="1689" spans="21:21" x14ac:dyDescent="0.15">
      <c r="U1689" s="1"/>
    </row>
    <row r="1690" spans="21:21" x14ac:dyDescent="0.15">
      <c r="U1690" s="1"/>
    </row>
    <row r="1691" spans="21:21" x14ac:dyDescent="0.15">
      <c r="U1691" s="1"/>
    </row>
    <row r="1692" spans="21:21" x14ac:dyDescent="0.15">
      <c r="U1692" s="1"/>
    </row>
    <row r="1693" spans="21:21" x14ac:dyDescent="0.15">
      <c r="U1693" s="1"/>
    </row>
    <row r="1694" spans="21:21" x14ac:dyDescent="0.15">
      <c r="U1694" s="1"/>
    </row>
    <row r="1695" spans="21:21" x14ac:dyDescent="0.15">
      <c r="U1695" s="1"/>
    </row>
    <row r="1696" spans="21:21" x14ac:dyDescent="0.15">
      <c r="U1696" s="1"/>
    </row>
    <row r="1697" spans="21:21" x14ac:dyDescent="0.15">
      <c r="U1697" s="1"/>
    </row>
    <row r="1698" spans="21:21" x14ac:dyDescent="0.15">
      <c r="U1698" s="1"/>
    </row>
    <row r="1699" spans="21:21" x14ac:dyDescent="0.15">
      <c r="U1699" s="1"/>
    </row>
    <row r="1700" spans="21:21" x14ac:dyDescent="0.15">
      <c r="U1700" s="1"/>
    </row>
    <row r="1701" spans="21:21" x14ac:dyDescent="0.15">
      <c r="U1701" s="1"/>
    </row>
    <row r="1702" spans="21:21" x14ac:dyDescent="0.15">
      <c r="U1702" s="1"/>
    </row>
    <row r="1703" spans="21:21" x14ac:dyDescent="0.15">
      <c r="U1703" s="1"/>
    </row>
    <row r="1704" spans="21:21" x14ac:dyDescent="0.15">
      <c r="U1704" s="1"/>
    </row>
    <row r="1705" spans="21:21" x14ac:dyDescent="0.15">
      <c r="U1705" s="1"/>
    </row>
    <row r="1706" spans="21:21" x14ac:dyDescent="0.15">
      <c r="U1706" s="1"/>
    </row>
    <row r="1707" spans="21:21" x14ac:dyDescent="0.15">
      <c r="U1707" s="1"/>
    </row>
    <row r="1708" spans="21:21" x14ac:dyDescent="0.15">
      <c r="U1708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34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80</v>
      </c>
      <c r="E1" s="1" t="s">
        <v>2</v>
      </c>
      <c r="F1" s="1" t="s">
        <v>467</v>
      </c>
      <c r="G1" s="1" t="s">
        <v>3</v>
      </c>
      <c r="H1" s="1" t="s">
        <v>46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42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381944444444445</v>
      </c>
      <c r="C4" s="1" t="s">
        <v>476</v>
      </c>
      <c r="D4" s="1" t="s">
        <v>43</v>
      </c>
      <c r="E4" s="1" t="s">
        <v>477</v>
      </c>
      <c r="F4" s="1" t="s">
        <v>28</v>
      </c>
      <c r="G4" s="1" t="s">
        <v>164</v>
      </c>
      <c r="J4" s="1" t="s">
        <v>30</v>
      </c>
      <c r="K4" s="1" t="s">
        <v>79</v>
      </c>
      <c r="M4" s="1" t="s">
        <v>57</v>
      </c>
      <c r="N4" s="1" t="s">
        <v>33</v>
      </c>
      <c r="O4" s="1" t="s">
        <v>34</v>
      </c>
      <c r="P4" s="1" t="s">
        <v>35</v>
      </c>
      <c r="Q4" s="1" t="s">
        <v>84</v>
      </c>
      <c r="S4" s="1" t="s">
        <v>182</v>
      </c>
      <c r="U4" s="1">
        <v>10.199999999999999</v>
      </c>
      <c r="V4" s="3">
        <v>49</v>
      </c>
      <c r="W4" s="1" t="s">
        <v>508</v>
      </c>
      <c r="X4" s="1">
        <v>1.3</v>
      </c>
      <c r="Y4" s="1">
        <v>8.8999999999999996E-2</v>
      </c>
      <c r="Z4" s="1">
        <v>7.0000000000000001E-3</v>
      </c>
      <c r="AA4" s="1" t="s">
        <v>554</v>
      </c>
      <c r="AB4" s="1" t="s">
        <v>526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5</v>
      </c>
      <c r="BC4" s="1">
        <v>0.55000000000000004</v>
      </c>
      <c r="BD4" s="1">
        <v>0.6</v>
      </c>
      <c r="BE4" s="1"/>
      <c r="BF4" s="1"/>
      <c r="BG4" s="1"/>
      <c r="BH4" s="1"/>
      <c r="BI4" s="1"/>
      <c r="BJ4" s="1"/>
      <c r="BK4" s="1"/>
      <c r="BL4" s="1"/>
      <c r="BM4" s="1">
        <v>0.19</v>
      </c>
      <c r="BN4" s="1">
        <v>3.5000000000000003E-2</v>
      </c>
      <c r="BO4" s="1"/>
      <c r="BP4" s="1"/>
      <c r="BQ4" s="1">
        <v>29.61</v>
      </c>
      <c r="BR4" s="1"/>
      <c r="BS4" s="1"/>
      <c r="BT4" s="1">
        <v>27</v>
      </c>
      <c r="BU4" s="1"/>
      <c r="BV4" s="1"/>
      <c r="BW4" s="1"/>
      <c r="BX4" s="1"/>
      <c r="BY4" s="1"/>
      <c r="BZ4" s="1"/>
    </row>
    <row r="5" spans="1:78" x14ac:dyDescent="0.15">
      <c r="B5" s="2">
        <v>0.4381944444444445</v>
      </c>
      <c r="C5" s="1" t="s">
        <v>478</v>
      </c>
      <c r="D5" s="1" t="s">
        <v>43</v>
      </c>
      <c r="E5" s="1" t="s">
        <v>477</v>
      </c>
      <c r="G5" s="1" t="s">
        <v>31</v>
      </c>
      <c r="J5" s="1" t="s">
        <v>124</v>
      </c>
      <c r="N5" s="1" t="s">
        <v>33</v>
      </c>
      <c r="P5" s="1" t="s">
        <v>35</v>
      </c>
      <c r="Q5" s="1" t="s">
        <v>40</v>
      </c>
      <c r="S5" s="1" t="s">
        <v>137</v>
      </c>
      <c r="U5" s="1">
        <v>5.8</v>
      </c>
      <c r="V5" s="1"/>
      <c r="W5" s="1"/>
      <c r="X5" s="1">
        <v>0.74</v>
      </c>
      <c r="Y5" s="1">
        <v>7.0000000000000007E-2</v>
      </c>
      <c r="Z5" s="1">
        <v>6.0000000000000001E-3</v>
      </c>
      <c r="AA5" s="1" t="s">
        <v>554</v>
      </c>
      <c r="AB5" s="1" t="s">
        <v>52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4</v>
      </c>
      <c r="BC5" s="1">
        <v>0.22</v>
      </c>
      <c r="BD5" s="1">
        <v>0.27</v>
      </c>
      <c r="BE5" s="1"/>
      <c r="BF5" s="1"/>
      <c r="BG5" s="1"/>
      <c r="BH5" s="1"/>
      <c r="BI5" s="1"/>
      <c r="BJ5" s="1"/>
      <c r="BK5" s="1"/>
      <c r="BL5" s="1"/>
      <c r="BM5" s="1">
        <v>0.18</v>
      </c>
      <c r="BN5" s="1">
        <v>3.4000000000000002E-2</v>
      </c>
      <c r="BO5" s="1"/>
      <c r="BP5" s="1"/>
      <c r="BQ5" s="1">
        <v>32.880000000000003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3979166666666667</v>
      </c>
      <c r="C6" s="1" t="s">
        <v>476</v>
      </c>
      <c r="D6" s="1" t="s">
        <v>43</v>
      </c>
      <c r="E6" s="1" t="s">
        <v>44</v>
      </c>
      <c r="F6" s="1" t="s">
        <v>31</v>
      </c>
      <c r="G6" s="1" t="s">
        <v>48</v>
      </c>
      <c r="J6" s="1" t="s">
        <v>30</v>
      </c>
      <c r="K6" s="1" t="s">
        <v>110</v>
      </c>
      <c r="M6" s="1" t="s">
        <v>32</v>
      </c>
      <c r="N6" s="1" t="s">
        <v>33</v>
      </c>
      <c r="O6" s="1" t="s">
        <v>34</v>
      </c>
      <c r="P6" s="1" t="s">
        <v>35</v>
      </c>
      <c r="Q6" s="1" t="s">
        <v>36</v>
      </c>
      <c r="S6" s="1" t="s">
        <v>101</v>
      </c>
      <c r="U6" s="1">
        <v>7.3</v>
      </c>
      <c r="V6" s="3">
        <v>3300</v>
      </c>
      <c r="W6" s="1" t="s">
        <v>508</v>
      </c>
      <c r="X6" s="1">
        <v>1.2</v>
      </c>
      <c r="Y6" s="1">
        <v>0.1</v>
      </c>
      <c r="Z6" s="1">
        <v>5.0000000000000001E-3</v>
      </c>
      <c r="AA6" s="1" t="s">
        <v>554</v>
      </c>
      <c r="AB6" s="1" t="s">
        <v>526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3</v>
      </c>
      <c r="BC6" s="1">
        <v>0.43</v>
      </c>
      <c r="BD6" s="1">
        <v>0.48</v>
      </c>
      <c r="BE6" s="1"/>
      <c r="BF6" s="1"/>
      <c r="BG6" s="1"/>
      <c r="BH6" s="1"/>
      <c r="BI6" s="1"/>
      <c r="BJ6" s="1"/>
      <c r="BK6" s="1"/>
      <c r="BL6" s="1"/>
      <c r="BM6" s="1">
        <v>0.2</v>
      </c>
      <c r="BN6" s="1">
        <v>6.6000000000000003E-2</v>
      </c>
      <c r="BO6" s="1"/>
      <c r="BP6" s="1"/>
      <c r="BQ6" s="1">
        <v>28.19</v>
      </c>
      <c r="BR6" s="1"/>
      <c r="BS6" s="1"/>
      <c r="BT6" s="1">
        <v>9.6</v>
      </c>
      <c r="BU6" s="1"/>
      <c r="BV6" s="1"/>
      <c r="BW6" s="1"/>
      <c r="BX6" s="1"/>
      <c r="BY6" s="1"/>
      <c r="BZ6" s="1"/>
    </row>
    <row r="7" spans="1:78" x14ac:dyDescent="0.15">
      <c r="B7" s="2">
        <v>0.3979166666666667</v>
      </c>
      <c r="C7" s="1" t="s">
        <v>478</v>
      </c>
      <c r="D7" s="1" t="s">
        <v>43</v>
      </c>
      <c r="E7" s="1" t="s">
        <v>44</v>
      </c>
      <c r="G7" s="1" t="s">
        <v>136</v>
      </c>
      <c r="J7" s="1" t="s">
        <v>113</v>
      </c>
      <c r="N7" s="1" t="s">
        <v>33</v>
      </c>
      <c r="P7" s="1" t="s">
        <v>35</v>
      </c>
      <c r="Q7" s="1" t="s">
        <v>36</v>
      </c>
      <c r="S7" s="1" t="s">
        <v>131</v>
      </c>
      <c r="U7" s="1">
        <v>6.4</v>
      </c>
      <c r="V7" s="1"/>
      <c r="W7" s="1"/>
      <c r="X7" s="1">
        <v>0.71</v>
      </c>
      <c r="Y7" s="1">
        <v>0.05</v>
      </c>
      <c r="Z7" s="1">
        <v>3.0000000000000001E-3</v>
      </c>
      <c r="AA7" s="1" t="s">
        <v>554</v>
      </c>
      <c r="AB7" s="1" t="s">
        <v>52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3</v>
      </c>
      <c r="BC7" s="1">
        <v>0.24</v>
      </c>
      <c r="BD7" s="1">
        <v>0.28999999999999998</v>
      </c>
      <c r="BE7" s="1"/>
      <c r="BF7" s="1"/>
      <c r="BG7" s="1"/>
      <c r="BH7" s="1"/>
      <c r="BI7" s="1"/>
      <c r="BJ7" s="1"/>
      <c r="BK7" s="1"/>
      <c r="BL7" s="1"/>
      <c r="BM7" s="1">
        <v>0.13</v>
      </c>
      <c r="BN7" s="1">
        <v>2.5000000000000001E-2</v>
      </c>
      <c r="BO7" s="1"/>
      <c r="BP7" s="1"/>
      <c r="BQ7" s="1">
        <v>30.82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40277777777777773</v>
      </c>
      <c r="C8" s="1" t="s">
        <v>476</v>
      </c>
      <c r="D8" s="1" t="s">
        <v>51</v>
      </c>
      <c r="E8" s="1" t="s">
        <v>477</v>
      </c>
      <c r="F8" s="1" t="s">
        <v>145</v>
      </c>
      <c r="G8" s="1" t="s">
        <v>183</v>
      </c>
      <c r="J8" s="1" t="s">
        <v>30</v>
      </c>
      <c r="K8" s="1" t="s">
        <v>139</v>
      </c>
      <c r="M8" s="1" t="s">
        <v>114</v>
      </c>
      <c r="N8" s="1" t="s">
        <v>33</v>
      </c>
      <c r="O8" s="1" t="s">
        <v>34</v>
      </c>
      <c r="P8" s="1" t="s">
        <v>35</v>
      </c>
      <c r="Q8" s="1" t="s">
        <v>55</v>
      </c>
      <c r="S8" s="1" t="s">
        <v>36</v>
      </c>
      <c r="U8" s="1">
        <v>8.1999999999999993</v>
      </c>
      <c r="V8" s="3">
        <v>17</v>
      </c>
      <c r="W8" s="1" t="s">
        <v>508</v>
      </c>
      <c r="X8" s="1">
        <v>2</v>
      </c>
      <c r="Y8" s="1">
        <v>0.21</v>
      </c>
      <c r="Z8" s="1">
        <v>6.0000000000000001E-3</v>
      </c>
      <c r="AA8" s="1" t="s">
        <v>554</v>
      </c>
      <c r="AB8" s="1" t="s">
        <v>52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2</v>
      </c>
      <c r="BC8" s="1">
        <v>0.48</v>
      </c>
      <c r="BD8" s="1">
        <v>0.53</v>
      </c>
      <c r="BE8" s="1"/>
      <c r="BF8" s="1"/>
      <c r="BG8" s="1"/>
      <c r="BH8" s="1"/>
      <c r="BI8" s="1"/>
      <c r="BJ8" s="1"/>
      <c r="BK8" s="1"/>
      <c r="BL8" s="1"/>
      <c r="BM8" s="1">
        <v>0.17</v>
      </c>
      <c r="BN8" s="1">
        <v>7.8E-2</v>
      </c>
      <c r="BO8" s="1"/>
      <c r="BP8" s="1"/>
      <c r="BQ8" s="1">
        <v>27.86</v>
      </c>
      <c r="BR8" s="1"/>
      <c r="BS8" s="1"/>
      <c r="BT8" s="1">
        <v>30</v>
      </c>
      <c r="BU8" s="1"/>
      <c r="BV8" s="1"/>
      <c r="BW8" s="1"/>
      <c r="BX8" s="1"/>
      <c r="BY8" s="1"/>
      <c r="BZ8" s="1"/>
    </row>
    <row r="9" spans="1:78" x14ac:dyDescent="0.15">
      <c r="B9" s="2">
        <v>0.40277777777777773</v>
      </c>
      <c r="C9" s="1" t="s">
        <v>478</v>
      </c>
      <c r="D9" s="1" t="s">
        <v>51</v>
      </c>
      <c r="E9" s="1" t="s">
        <v>477</v>
      </c>
      <c r="G9" s="1" t="s">
        <v>184</v>
      </c>
      <c r="J9" s="1" t="s">
        <v>185</v>
      </c>
      <c r="N9" s="1" t="s">
        <v>33</v>
      </c>
      <c r="P9" s="1" t="s">
        <v>35</v>
      </c>
      <c r="Q9" s="1" t="s">
        <v>93</v>
      </c>
      <c r="S9" s="1" t="s">
        <v>91</v>
      </c>
      <c r="U9" s="1">
        <v>2.2999999999999998</v>
      </c>
      <c r="V9" s="1"/>
      <c r="W9" s="1"/>
      <c r="X9" s="1">
        <v>0.69</v>
      </c>
      <c r="Y9" s="1">
        <v>0.09</v>
      </c>
      <c r="Z9" s="1">
        <v>3.0000000000000001E-3</v>
      </c>
      <c r="AA9" s="1" t="s">
        <v>554</v>
      </c>
      <c r="AB9" s="1" t="s">
        <v>52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0.13</v>
      </c>
      <c r="BD9" s="1">
        <v>0.18</v>
      </c>
      <c r="BE9" s="1"/>
      <c r="BF9" s="1"/>
      <c r="BG9" s="1"/>
      <c r="BH9" s="1"/>
      <c r="BI9" s="1"/>
      <c r="BJ9" s="1"/>
      <c r="BK9" s="1"/>
      <c r="BL9" s="1"/>
      <c r="BM9" s="1">
        <v>0.22</v>
      </c>
      <c r="BN9" s="1">
        <v>6.9000000000000006E-2</v>
      </c>
      <c r="BO9" s="1"/>
      <c r="BP9" s="1"/>
      <c r="BQ9" s="1">
        <v>32.94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4097222222222227</v>
      </c>
      <c r="C10" s="1" t="s">
        <v>476</v>
      </c>
      <c r="D10" s="1" t="s">
        <v>27</v>
      </c>
      <c r="E10" s="1" t="s">
        <v>477</v>
      </c>
      <c r="F10" s="1" t="s">
        <v>59</v>
      </c>
      <c r="G10" s="1" t="s">
        <v>158</v>
      </c>
      <c r="J10" s="1" t="s">
        <v>30</v>
      </c>
      <c r="K10" s="1" t="s">
        <v>139</v>
      </c>
      <c r="M10" s="1" t="s">
        <v>62</v>
      </c>
      <c r="N10" s="1" t="s">
        <v>33</v>
      </c>
      <c r="O10" s="1" t="s">
        <v>34</v>
      </c>
      <c r="P10" s="1" t="s">
        <v>35</v>
      </c>
      <c r="Q10" s="1" t="s">
        <v>146</v>
      </c>
      <c r="S10" s="1" t="s">
        <v>186</v>
      </c>
      <c r="U10" s="1">
        <v>11.6</v>
      </c>
      <c r="V10" s="3">
        <v>33</v>
      </c>
      <c r="W10" s="1" t="s">
        <v>508</v>
      </c>
      <c r="X10" s="1">
        <v>1.7</v>
      </c>
      <c r="Y10" s="1">
        <v>0.14000000000000001</v>
      </c>
      <c r="Z10" s="1">
        <v>7.0000000000000001E-3</v>
      </c>
      <c r="AA10" s="1" t="s">
        <v>554</v>
      </c>
      <c r="AB10" s="1" t="s">
        <v>52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2</v>
      </c>
      <c r="BC10" s="1">
        <v>0.23</v>
      </c>
      <c r="BD10" s="1">
        <v>0.28000000000000003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8.0000000000000002E-3</v>
      </c>
      <c r="BO10" s="1"/>
      <c r="BP10" s="1"/>
      <c r="BQ10" s="1">
        <v>27.99</v>
      </c>
      <c r="BR10" s="1"/>
      <c r="BS10" s="1"/>
      <c r="BT10" s="1">
        <v>65</v>
      </c>
      <c r="BU10" s="1"/>
      <c r="BV10" s="1"/>
      <c r="BW10" s="1"/>
      <c r="BX10" s="1"/>
      <c r="BY10" s="1"/>
      <c r="BZ10" s="1"/>
    </row>
    <row r="11" spans="1:78" x14ac:dyDescent="0.15">
      <c r="B11" s="2">
        <v>0.44097222222222227</v>
      </c>
      <c r="C11" s="1" t="s">
        <v>478</v>
      </c>
      <c r="D11" s="1" t="s">
        <v>27</v>
      </c>
      <c r="E11" s="1" t="s">
        <v>477</v>
      </c>
      <c r="G11" s="1" t="s">
        <v>94</v>
      </c>
      <c r="J11" s="1" t="s">
        <v>185</v>
      </c>
      <c r="N11" s="1" t="s">
        <v>33</v>
      </c>
      <c r="P11" s="1" t="s">
        <v>35</v>
      </c>
      <c r="Q11" s="1" t="s">
        <v>40</v>
      </c>
      <c r="S11" s="1" t="s">
        <v>111</v>
      </c>
      <c r="U11" s="1">
        <v>1.8</v>
      </c>
      <c r="V11" s="1"/>
      <c r="W11" s="1"/>
      <c r="X11" s="1">
        <v>0.81</v>
      </c>
      <c r="Y11" s="1">
        <v>0.1</v>
      </c>
      <c r="Z11" s="1">
        <v>2E-3</v>
      </c>
      <c r="AA11" s="1" t="s">
        <v>554</v>
      </c>
      <c r="AB11" s="1" t="s">
        <v>52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06</v>
      </c>
      <c r="BD11" s="1">
        <v>0.11</v>
      </c>
      <c r="BE11" s="1"/>
      <c r="BF11" s="1"/>
      <c r="BG11" s="1"/>
      <c r="BH11" s="1"/>
      <c r="BI11" s="1"/>
      <c r="BJ11" s="1"/>
      <c r="BK11" s="1"/>
      <c r="BL11" s="1"/>
      <c r="BM11" s="1">
        <v>0.26</v>
      </c>
      <c r="BN11" s="1">
        <v>8.5999999999999993E-2</v>
      </c>
      <c r="BO11" s="1"/>
      <c r="BP11" s="1"/>
      <c r="BQ11" s="1">
        <v>31.75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4097222222222227</v>
      </c>
      <c r="C12" s="1" t="s">
        <v>553</v>
      </c>
      <c r="D12" s="1" t="s">
        <v>27</v>
      </c>
      <c r="E12" s="1" t="s">
        <v>477</v>
      </c>
      <c r="J12" s="1" t="s">
        <v>187</v>
      </c>
      <c r="N12" s="1" t="s">
        <v>33</v>
      </c>
      <c r="U12" s="1"/>
      <c r="V12" s="1"/>
      <c r="W12" s="1"/>
      <c r="X12" s="1"/>
      <c r="Y12" s="1"/>
      <c r="Z12" s="1"/>
      <c r="AA12" s="1" t="s">
        <v>554</v>
      </c>
      <c r="AB12" s="1" t="s">
        <v>554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41319444444444442</v>
      </c>
      <c r="C13" s="1" t="s">
        <v>476</v>
      </c>
      <c r="D13" s="1" t="s">
        <v>69</v>
      </c>
      <c r="E13" s="1" t="s">
        <v>70</v>
      </c>
      <c r="F13" s="1" t="s">
        <v>188</v>
      </c>
      <c r="G13" s="1" t="s">
        <v>189</v>
      </c>
      <c r="J13" s="1" t="s">
        <v>30</v>
      </c>
      <c r="K13" s="1" t="s">
        <v>190</v>
      </c>
      <c r="M13" s="1" t="s">
        <v>191</v>
      </c>
      <c r="N13" s="1" t="s">
        <v>74</v>
      </c>
      <c r="O13" s="1" t="s">
        <v>75</v>
      </c>
      <c r="P13" s="1" t="s">
        <v>35</v>
      </c>
      <c r="Q13" s="1" t="s">
        <v>192</v>
      </c>
      <c r="S13" s="1" t="s">
        <v>148</v>
      </c>
      <c r="U13" s="1">
        <v>14.1</v>
      </c>
      <c r="V13" s="3">
        <v>270</v>
      </c>
      <c r="W13" s="1" t="s">
        <v>508</v>
      </c>
      <c r="X13" s="1">
        <v>1.3</v>
      </c>
      <c r="Y13" s="1">
        <v>0.14000000000000001</v>
      </c>
      <c r="Z13" s="1">
        <v>6.0000000000000001E-3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0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>
        <v>0.2</v>
      </c>
      <c r="BN13" s="1">
        <v>4.0000000000000001E-3</v>
      </c>
      <c r="BO13" s="1"/>
      <c r="BP13" s="1"/>
      <c r="BQ13" s="1">
        <v>26.41</v>
      </c>
      <c r="BR13" s="1" t="s">
        <v>531</v>
      </c>
      <c r="BS13" s="1" t="s">
        <v>511</v>
      </c>
      <c r="BT13" s="1">
        <v>110</v>
      </c>
      <c r="BU13" s="1"/>
      <c r="BV13" s="1"/>
      <c r="BW13" s="1"/>
      <c r="BX13" s="1"/>
      <c r="BY13" s="1"/>
      <c r="BZ13" s="1"/>
    </row>
    <row r="14" spans="1:78" x14ac:dyDescent="0.15">
      <c r="B14" s="2">
        <v>0.41319444444444442</v>
      </c>
      <c r="C14" s="1" t="s">
        <v>478</v>
      </c>
      <c r="D14" s="1" t="s">
        <v>69</v>
      </c>
      <c r="E14" s="1" t="s">
        <v>70</v>
      </c>
      <c r="G14" s="1" t="s">
        <v>193</v>
      </c>
      <c r="J14" s="1" t="s">
        <v>194</v>
      </c>
      <c r="N14" s="1" t="s">
        <v>74</v>
      </c>
      <c r="P14" s="1" t="s">
        <v>35</v>
      </c>
      <c r="Q14" s="1" t="s">
        <v>93</v>
      </c>
      <c r="S14" s="1" t="s">
        <v>125</v>
      </c>
      <c r="U14" s="1">
        <v>1</v>
      </c>
      <c r="V14" s="1"/>
      <c r="W14" s="1"/>
      <c r="X14" s="1">
        <v>0.55000000000000004</v>
      </c>
      <c r="Y14" s="1">
        <v>0.11</v>
      </c>
      <c r="Z14" s="1">
        <v>5.0000000000000001E-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13</v>
      </c>
      <c r="BD14" s="1">
        <v>0.18</v>
      </c>
      <c r="BE14" s="1"/>
      <c r="BF14" s="1"/>
      <c r="BG14" s="1"/>
      <c r="BH14" s="1"/>
      <c r="BI14" s="1"/>
      <c r="BJ14" s="1"/>
      <c r="BK14" s="1"/>
      <c r="BL14" s="1"/>
      <c r="BM14" s="1">
        <v>0.13</v>
      </c>
      <c r="BN14" s="1">
        <v>8.7999999999999995E-2</v>
      </c>
      <c r="BO14" s="1"/>
      <c r="BP14" s="1"/>
      <c r="BQ14" s="1">
        <v>32.86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1319444444444442</v>
      </c>
      <c r="C15" s="1" t="s">
        <v>553</v>
      </c>
      <c r="D15" s="1" t="s">
        <v>69</v>
      </c>
      <c r="E15" s="1" t="s">
        <v>70</v>
      </c>
      <c r="J15" s="1" t="s">
        <v>123</v>
      </c>
      <c r="N15" s="1" t="s">
        <v>74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0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4</v>
      </c>
      <c r="AL15" s="1" t="s">
        <v>514</v>
      </c>
      <c r="AM15" s="1" t="s">
        <v>514</v>
      </c>
      <c r="AN15" s="1" t="s">
        <v>514</v>
      </c>
      <c r="AO15" s="1" t="s">
        <v>514</v>
      </c>
      <c r="AP15" t="s">
        <v>514</v>
      </c>
      <c r="AQ15" s="1" t="s">
        <v>514</v>
      </c>
      <c r="AR15" s="1" t="s">
        <v>514</v>
      </c>
      <c r="AS15" s="1" t="s">
        <v>514</v>
      </c>
      <c r="AT15" s="1" t="s">
        <v>517</v>
      </c>
      <c r="AU15" s="1"/>
      <c r="AV15" s="1"/>
      <c r="AW15" s="1"/>
      <c r="AX15" s="1" t="s">
        <v>514</v>
      </c>
      <c r="AY15" s="1" t="s">
        <v>523</v>
      </c>
      <c r="AZ15" s="1"/>
      <c r="BA15" s="1"/>
      <c r="BB15" s="1"/>
      <c r="BC15" s="1"/>
      <c r="BD15" s="1"/>
      <c r="BE15" s="1" t="s">
        <v>511</v>
      </c>
      <c r="BF15" s="1" t="s">
        <v>511</v>
      </c>
      <c r="BG15" s="1" t="s">
        <v>524</v>
      </c>
      <c r="BH15" s="1" t="s">
        <v>512</v>
      </c>
      <c r="BI15" s="1" t="s">
        <v>510</v>
      </c>
      <c r="BJ15" s="1"/>
      <c r="BK15" s="1" t="s">
        <v>513</v>
      </c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4513888888888889</v>
      </c>
      <c r="C16" s="1" t="s">
        <v>476</v>
      </c>
      <c r="D16" s="1" t="s">
        <v>43</v>
      </c>
      <c r="E16" s="1" t="s">
        <v>477</v>
      </c>
      <c r="F16" s="1" t="s">
        <v>195</v>
      </c>
      <c r="G16" s="1" t="s">
        <v>151</v>
      </c>
      <c r="J16" s="1" t="s">
        <v>30</v>
      </c>
      <c r="K16" s="1" t="s">
        <v>196</v>
      </c>
      <c r="M16" s="1" t="s">
        <v>41</v>
      </c>
      <c r="N16" s="1" t="s">
        <v>33</v>
      </c>
      <c r="O16" s="1" t="s">
        <v>34</v>
      </c>
      <c r="P16" s="1" t="s">
        <v>35</v>
      </c>
      <c r="Q16" s="1" t="s">
        <v>84</v>
      </c>
      <c r="S16" s="1" t="s">
        <v>47</v>
      </c>
      <c r="U16" s="1">
        <v>6.3</v>
      </c>
      <c r="V16" s="3">
        <v>790</v>
      </c>
      <c r="W16" s="1" t="s">
        <v>508</v>
      </c>
      <c r="X16" s="1">
        <v>0.98</v>
      </c>
      <c r="Y16" s="1">
        <v>0.11</v>
      </c>
      <c r="Z16" s="1">
        <v>7.0000000000000001E-3</v>
      </c>
      <c r="AA16" s="1" t="s">
        <v>554</v>
      </c>
      <c r="AB16" s="1" t="s">
        <v>526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3</v>
      </c>
      <c r="BC16" s="1">
        <v>0.34</v>
      </c>
      <c r="BD16" s="1">
        <v>0.39</v>
      </c>
      <c r="BE16" s="1"/>
      <c r="BF16" s="1"/>
      <c r="BG16" s="1"/>
      <c r="BH16" s="1"/>
      <c r="BI16" s="1"/>
      <c r="BJ16" s="1"/>
      <c r="BK16" s="1"/>
      <c r="BL16" s="1"/>
      <c r="BM16" s="1">
        <v>0.06</v>
      </c>
      <c r="BN16" s="1">
        <v>6.6000000000000003E-2</v>
      </c>
      <c r="BO16" s="1"/>
      <c r="BP16" s="1"/>
      <c r="BQ16" s="1">
        <v>28.06</v>
      </c>
      <c r="BR16" s="1"/>
      <c r="BS16" s="1"/>
      <c r="BT16" s="1">
        <v>18</v>
      </c>
      <c r="BU16" s="1"/>
      <c r="BV16" s="1"/>
      <c r="BW16" s="1"/>
      <c r="BX16" s="1"/>
      <c r="BY16" s="1"/>
      <c r="BZ16" s="1"/>
    </row>
    <row r="17" spans="1:78" x14ac:dyDescent="0.15">
      <c r="B17" s="2">
        <v>0.4513888888888889</v>
      </c>
      <c r="C17" s="1" t="s">
        <v>478</v>
      </c>
      <c r="D17" s="1" t="s">
        <v>43</v>
      </c>
      <c r="E17" s="1" t="s">
        <v>477</v>
      </c>
      <c r="G17" s="1" t="s">
        <v>197</v>
      </c>
      <c r="J17" s="1" t="s">
        <v>198</v>
      </c>
      <c r="N17" s="1" t="s">
        <v>33</v>
      </c>
      <c r="P17" s="1" t="s">
        <v>35</v>
      </c>
      <c r="Q17" s="1" t="s">
        <v>40</v>
      </c>
      <c r="S17" s="1" t="s">
        <v>41</v>
      </c>
      <c r="U17" s="1">
        <v>1.3</v>
      </c>
      <c r="V17" s="1"/>
      <c r="W17" s="1"/>
      <c r="X17" s="1">
        <v>0.7</v>
      </c>
      <c r="Y17" s="1">
        <v>0.11</v>
      </c>
      <c r="Z17" s="1">
        <v>3.0000000000000001E-3</v>
      </c>
      <c r="AA17" s="1" t="s">
        <v>554</v>
      </c>
      <c r="AB17" s="1" t="s">
        <v>526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12</v>
      </c>
      <c r="BD17" s="1">
        <v>0.17</v>
      </c>
      <c r="BE17" s="1"/>
      <c r="BF17" s="1"/>
      <c r="BG17" s="1"/>
      <c r="BH17" s="1"/>
      <c r="BI17" s="1"/>
      <c r="BJ17" s="1"/>
      <c r="BK17" s="1"/>
      <c r="BL17" s="1"/>
      <c r="BM17" s="1">
        <v>0.19</v>
      </c>
      <c r="BN17" s="1">
        <v>8.8999999999999996E-2</v>
      </c>
      <c r="BO17" s="1"/>
      <c r="BP17" s="1"/>
      <c r="BQ17" s="1">
        <v>31.38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513888888888889</v>
      </c>
      <c r="C18" s="1" t="s">
        <v>553</v>
      </c>
      <c r="D18" s="1" t="s">
        <v>43</v>
      </c>
      <c r="E18" s="1" t="s">
        <v>477</v>
      </c>
      <c r="J18" s="1" t="s">
        <v>96</v>
      </c>
      <c r="N18" s="1" t="s">
        <v>33</v>
      </c>
      <c r="U18" s="1"/>
      <c r="V18" s="1"/>
      <c r="W18" s="1"/>
      <c r="X18" s="1"/>
      <c r="Y18" s="1"/>
      <c r="Z18" s="1"/>
      <c r="AA18" s="1" t="s">
        <v>554</v>
      </c>
      <c r="AB18" s="1" t="s">
        <v>55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3055555555555558</v>
      </c>
      <c r="C19" s="1" t="s">
        <v>476</v>
      </c>
      <c r="D19" s="1" t="s">
        <v>43</v>
      </c>
      <c r="E19" s="1" t="s">
        <v>70</v>
      </c>
      <c r="F19" s="1" t="s">
        <v>199</v>
      </c>
      <c r="G19" s="1" t="s">
        <v>199</v>
      </c>
      <c r="J19" s="1" t="s">
        <v>30</v>
      </c>
      <c r="K19" s="1" t="s">
        <v>139</v>
      </c>
      <c r="M19" s="1" t="s">
        <v>41</v>
      </c>
      <c r="N19" s="1" t="s">
        <v>33</v>
      </c>
      <c r="O19" s="1" t="s">
        <v>92</v>
      </c>
      <c r="P19" s="1" t="s">
        <v>35</v>
      </c>
      <c r="Q19" s="1" t="s">
        <v>93</v>
      </c>
      <c r="S19" s="1" t="s">
        <v>131</v>
      </c>
      <c r="U19" s="1">
        <v>5.8</v>
      </c>
      <c r="V19" s="3">
        <v>490</v>
      </c>
      <c r="W19" s="1" t="s">
        <v>508</v>
      </c>
      <c r="X19" s="1">
        <v>1.5</v>
      </c>
      <c r="Y19" s="1">
        <v>0.14000000000000001</v>
      </c>
      <c r="Z19" s="1">
        <v>1.0999999999999999E-2</v>
      </c>
      <c r="AA19" s="1" t="s">
        <v>554</v>
      </c>
      <c r="AB19" s="1" t="s">
        <v>526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4</v>
      </c>
      <c r="BC19" s="1">
        <v>0.63</v>
      </c>
      <c r="BD19" s="1">
        <v>0.68</v>
      </c>
      <c r="BE19" s="1"/>
      <c r="BF19" s="1"/>
      <c r="BG19" s="1"/>
      <c r="BH19" s="1"/>
      <c r="BI19" s="1"/>
      <c r="BJ19" s="1"/>
      <c r="BK19" s="1"/>
      <c r="BL19" s="1"/>
      <c r="BM19" s="1">
        <v>0.28999999999999998</v>
      </c>
      <c r="BN19" s="1">
        <v>0.1</v>
      </c>
      <c r="BO19" s="1"/>
      <c r="BP19" s="1"/>
      <c r="BQ19" s="1">
        <v>24.47</v>
      </c>
      <c r="BR19" s="1"/>
      <c r="BS19" s="1"/>
      <c r="BT19" s="1">
        <v>2.1</v>
      </c>
      <c r="BU19" s="1"/>
      <c r="BV19" s="1"/>
      <c r="BW19" s="1"/>
      <c r="BX19" s="1"/>
      <c r="BY19" s="1"/>
      <c r="BZ19" s="1"/>
    </row>
    <row r="20" spans="1:78" x14ac:dyDescent="0.15">
      <c r="B20" s="2">
        <v>0.43055555555555558</v>
      </c>
      <c r="C20" s="1" t="s">
        <v>478</v>
      </c>
      <c r="D20" s="1" t="s">
        <v>43</v>
      </c>
      <c r="E20" s="1" t="s">
        <v>70</v>
      </c>
      <c r="G20" s="1" t="s">
        <v>94</v>
      </c>
      <c r="J20" s="1" t="s">
        <v>185</v>
      </c>
      <c r="N20" s="1" t="s">
        <v>33</v>
      </c>
      <c r="P20" s="1" t="s">
        <v>35</v>
      </c>
      <c r="Q20" s="1" t="s">
        <v>93</v>
      </c>
      <c r="S20" s="1" t="s">
        <v>91</v>
      </c>
      <c r="U20" s="1">
        <v>3.2</v>
      </c>
      <c r="V20" s="1"/>
      <c r="W20" s="1"/>
      <c r="X20" s="1">
        <v>0.68</v>
      </c>
      <c r="Y20" s="1">
        <v>8.2000000000000003E-2</v>
      </c>
      <c r="Z20" s="1">
        <v>5.0000000000000001E-3</v>
      </c>
      <c r="AA20" s="1" t="s">
        <v>554</v>
      </c>
      <c r="AB20" s="1" t="s">
        <v>52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0</v>
      </c>
      <c r="BC20" s="1">
        <v>0.23</v>
      </c>
      <c r="BD20" s="1">
        <v>0.28000000000000003</v>
      </c>
      <c r="BE20" s="1"/>
      <c r="BF20" s="1"/>
      <c r="BG20" s="1"/>
      <c r="BH20" s="1"/>
      <c r="BI20" s="1"/>
      <c r="BJ20" s="1"/>
      <c r="BK20" s="1"/>
      <c r="BL20" s="1"/>
      <c r="BM20" s="1">
        <v>7.0000000000000007E-2</v>
      </c>
      <c r="BN20" s="1">
        <v>5.8000000000000003E-2</v>
      </c>
      <c r="BO20" s="1"/>
      <c r="BP20" s="1"/>
      <c r="BQ20" s="1">
        <v>31.68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3055555555555558</v>
      </c>
      <c r="C21" s="1" t="s">
        <v>553</v>
      </c>
      <c r="D21" s="1" t="s">
        <v>43</v>
      </c>
      <c r="E21" s="1" t="s">
        <v>70</v>
      </c>
      <c r="J21" s="1" t="s">
        <v>187</v>
      </c>
      <c r="N21" s="1" t="s">
        <v>33</v>
      </c>
      <c r="U21" s="1"/>
      <c r="V21" s="1"/>
      <c r="W21" s="1"/>
      <c r="X21" s="1"/>
      <c r="Y21" s="1"/>
      <c r="Z21" s="1"/>
      <c r="AA21" s="1" t="s">
        <v>554</v>
      </c>
      <c r="AB21" s="1" t="s">
        <v>554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 t="s">
        <v>513</v>
      </c>
      <c r="AV21" s="1" t="s">
        <v>509</v>
      </c>
      <c r="AW21" s="1" t="s">
        <v>509</v>
      </c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41319444444444442</v>
      </c>
      <c r="C22" s="1" t="s">
        <v>476</v>
      </c>
      <c r="D22" s="1" t="s">
        <v>27</v>
      </c>
      <c r="E22" s="1" t="s">
        <v>44</v>
      </c>
      <c r="F22" s="1" t="s">
        <v>140</v>
      </c>
      <c r="G22" s="1" t="s">
        <v>200</v>
      </c>
      <c r="J22" s="1" t="s">
        <v>30</v>
      </c>
      <c r="K22" s="1" t="s">
        <v>86</v>
      </c>
      <c r="M22" s="1" t="s">
        <v>201</v>
      </c>
      <c r="N22" s="1" t="s">
        <v>33</v>
      </c>
      <c r="O22" s="1" t="s">
        <v>92</v>
      </c>
      <c r="P22" s="1" t="s">
        <v>35</v>
      </c>
      <c r="Q22" s="1" t="s">
        <v>36</v>
      </c>
      <c r="S22" s="1" t="s">
        <v>37</v>
      </c>
      <c r="U22" s="1">
        <v>7.5</v>
      </c>
      <c r="V22" s="3">
        <v>3300</v>
      </c>
      <c r="W22" s="1" t="s">
        <v>508</v>
      </c>
      <c r="X22" s="1">
        <v>1.2</v>
      </c>
      <c r="Y22" s="1">
        <v>0.12</v>
      </c>
      <c r="Z22" s="1">
        <v>7.0000000000000001E-3</v>
      </c>
      <c r="AA22" s="1" t="s">
        <v>554</v>
      </c>
      <c r="AB22" s="1" t="s">
        <v>55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3</v>
      </c>
      <c r="BC22" s="1">
        <v>0.4</v>
      </c>
      <c r="BD22" s="1">
        <v>0.45</v>
      </c>
      <c r="BE22" s="1"/>
      <c r="BF22" s="1"/>
      <c r="BG22" s="1"/>
      <c r="BH22" s="1"/>
      <c r="BI22" s="1"/>
      <c r="BJ22" s="1"/>
      <c r="BK22" s="1"/>
      <c r="BL22" s="1"/>
      <c r="BM22" s="1">
        <v>0.15</v>
      </c>
      <c r="BN22" s="1">
        <v>6.6000000000000003E-2</v>
      </c>
      <c r="BO22" s="1"/>
      <c r="BP22" s="1"/>
      <c r="BQ22" s="1">
        <v>30.54</v>
      </c>
      <c r="BR22" s="1"/>
      <c r="BS22" s="1"/>
      <c r="BT22" s="1">
        <v>21</v>
      </c>
      <c r="BU22" s="1"/>
      <c r="BV22" s="1"/>
      <c r="BW22" s="1"/>
      <c r="BX22" s="1"/>
      <c r="BY22" s="1"/>
      <c r="BZ22" s="1"/>
    </row>
    <row r="23" spans="1:78" x14ac:dyDescent="0.15">
      <c r="B23" s="2">
        <v>0.41319444444444442</v>
      </c>
      <c r="C23" s="1" t="s">
        <v>478</v>
      </c>
      <c r="D23" s="1" t="s">
        <v>27</v>
      </c>
      <c r="E23" s="1" t="s">
        <v>44</v>
      </c>
      <c r="G23" s="1" t="s">
        <v>202</v>
      </c>
      <c r="J23" s="1" t="s">
        <v>203</v>
      </c>
      <c r="N23" s="1" t="s">
        <v>33</v>
      </c>
      <c r="P23" s="1" t="s">
        <v>35</v>
      </c>
      <c r="Q23" s="1" t="s">
        <v>36</v>
      </c>
      <c r="S23" s="1" t="s">
        <v>137</v>
      </c>
      <c r="U23" s="1">
        <v>6.5</v>
      </c>
      <c r="V23" s="1"/>
      <c r="W23" s="1"/>
      <c r="X23" s="1">
        <v>0.66</v>
      </c>
      <c r="Y23" s="1">
        <v>6.2E-2</v>
      </c>
      <c r="Z23" s="1">
        <v>7.0000000000000001E-3</v>
      </c>
      <c r="AA23" s="1" t="s">
        <v>554</v>
      </c>
      <c r="AB23" s="1" t="s">
        <v>52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3</v>
      </c>
      <c r="BC23" s="1">
        <v>0.21</v>
      </c>
      <c r="BD23" s="1">
        <v>0.26</v>
      </c>
      <c r="BE23" s="1"/>
      <c r="BF23" s="1"/>
      <c r="BG23" s="1"/>
      <c r="BH23" s="1"/>
      <c r="BI23" s="1"/>
      <c r="BJ23" s="1"/>
      <c r="BK23" s="1"/>
      <c r="BL23" s="1"/>
      <c r="BM23" s="1">
        <v>0.08</v>
      </c>
      <c r="BN23" s="1">
        <v>3.3000000000000002E-2</v>
      </c>
      <c r="BO23" s="1"/>
      <c r="BP23" s="1"/>
      <c r="BQ23" s="1">
        <v>32.06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1319444444444442</v>
      </c>
      <c r="C24" s="1" t="s">
        <v>553</v>
      </c>
      <c r="D24" s="1" t="s">
        <v>27</v>
      </c>
      <c r="E24" s="1" t="s">
        <v>44</v>
      </c>
      <c r="J24" s="1" t="s">
        <v>204</v>
      </c>
      <c r="N24" s="1" t="s">
        <v>33</v>
      </c>
      <c r="U24" s="1"/>
      <c r="V24" s="1"/>
      <c r="W24" s="1"/>
      <c r="X24" s="1"/>
      <c r="Y24" s="1"/>
      <c r="Z24" s="1"/>
      <c r="AA24" s="1" t="s">
        <v>554</v>
      </c>
      <c r="AB24" s="1" t="s">
        <v>554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44027777777777777</v>
      </c>
      <c r="C25" s="1" t="s">
        <v>476</v>
      </c>
      <c r="D25" s="1" t="s">
        <v>43</v>
      </c>
      <c r="E25" s="1" t="s">
        <v>107</v>
      </c>
      <c r="F25" s="1" t="s">
        <v>167</v>
      </c>
      <c r="G25" s="1" t="s">
        <v>184</v>
      </c>
      <c r="J25" s="1" t="s">
        <v>30</v>
      </c>
      <c r="K25" s="1" t="s">
        <v>66</v>
      </c>
      <c r="M25" s="1" t="s">
        <v>131</v>
      </c>
      <c r="N25" s="1" t="s">
        <v>33</v>
      </c>
      <c r="O25" s="1" t="s">
        <v>34</v>
      </c>
      <c r="P25" s="1" t="s">
        <v>35</v>
      </c>
      <c r="Q25" s="1" t="s">
        <v>36</v>
      </c>
      <c r="S25" s="1" t="s">
        <v>41</v>
      </c>
      <c r="U25" s="1">
        <v>7.7</v>
      </c>
      <c r="V25" s="3">
        <v>23</v>
      </c>
      <c r="W25" s="1" t="s">
        <v>508</v>
      </c>
      <c r="X25" s="1">
        <v>1.2</v>
      </c>
      <c r="Y25" s="1">
        <v>9.9000000000000005E-2</v>
      </c>
      <c r="Z25" s="1">
        <v>5.0000000000000001E-3</v>
      </c>
      <c r="AA25" s="1" t="s">
        <v>554</v>
      </c>
      <c r="AB25" s="1" t="s">
        <v>526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3</v>
      </c>
      <c r="BC25" s="1">
        <v>0.49</v>
      </c>
      <c r="BD25" s="1">
        <v>0.54</v>
      </c>
      <c r="BE25" s="1"/>
      <c r="BF25" s="1"/>
      <c r="BG25" s="1"/>
      <c r="BH25" s="1"/>
      <c r="BI25" s="1"/>
      <c r="BJ25" s="1"/>
      <c r="BK25" s="1"/>
      <c r="BL25" s="1"/>
      <c r="BM25" s="1">
        <v>0.19</v>
      </c>
      <c r="BN25" s="1">
        <v>7.4999999999999997E-2</v>
      </c>
      <c r="BO25" s="1"/>
      <c r="BP25" s="1"/>
      <c r="BQ25" s="1">
        <v>30.77</v>
      </c>
      <c r="BR25" s="1"/>
      <c r="BS25" s="1"/>
      <c r="BT25" s="1">
        <v>9.4</v>
      </c>
      <c r="BU25" s="1"/>
      <c r="BV25" s="1"/>
      <c r="BW25" s="1"/>
      <c r="BX25" s="1"/>
      <c r="BY25" s="1"/>
      <c r="BZ25" s="1"/>
    </row>
    <row r="26" spans="1:78" x14ac:dyDescent="0.15">
      <c r="B26" s="2">
        <v>0.44027777777777777</v>
      </c>
      <c r="C26" s="1" t="s">
        <v>478</v>
      </c>
      <c r="D26" s="1" t="s">
        <v>43</v>
      </c>
      <c r="E26" s="1" t="s">
        <v>107</v>
      </c>
      <c r="G26" s="1" t="s">
        <v>155</v>
      </c>
      <c r="J26" s="1" t="s">
        <v>205</v>
      </c>
      <c r="N26" s="1" t="s">
        <v>33</v>
      </c>
      <c r="P26" s="1" t="s">
        <v>35</v>
      </c>
      <c r="Q26" s="1" t="s">
        <v>36</v>
      </c>
      <c r="S26" s="1" t="s">
        <v>104</v>
      </c>
      <c r="U26" s="1">
        <v>6.5</v>
      </c>
      <c r="V26" s="1"/>
      <c r="W26" s="1"/>
      <c r="X26" s="1">
        <v>0.62</v>
      </c>
      <c r="Y26" s="1">
        <v>5.8999999999999997E-2</v>
      </c>
      <c r="Z26" s="1">
        <v>4.0000000000000001E-3</v>
      </c>
      <c r="AA26" s="1" t="s">
        <v>554</v>
      </c>
      <c r="AB26" s="1" t="s">
        <v>561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22</v>
      </c>
      <c r="BD26" s="1">
        <v>0.27</v>
      </c>
      <c r="BE26" s="1"/>
      <c r="BF26" s="1"/>
      <c r="BG26" s="1"/>
      <c r="BH26" s="1"/>
      <c r="BI26" s="1"/>
      <c r="BJ26" s="1"/>
      <c r="BK26" s="1"/>
      <c r="BL26" s="1"/>
      <c r="BM26" s="1">
        <v>0.13</v>
      </c>
      <c r="BN26" s="1">
        <v>3.9E-2</v>
      </c>
      <c r="BO26" s="1"/>
      <c r="BP26" s="1"/>
      <c r="BQ26" s="1">
        <v>32.33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4027777777777777</v>
      </c>
      <c r="C27" s="1" t="s">
        <v>553</v>
      </c>
      <c r="D27" s="1" t="s">
        <v>43</v>
      </c>
      <c r="E27" s="1" t="s">
        <v>107</v>
      </c>
      <c r="J27" s="1" t="s">
        <v>187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44444444444444442</v>
      </c>
      <c r="C28" s="1" t="s">
        <v>476</v>
      </c>
      <c r="D28" s="1" t="s">
        <v>43</v>
      </c>
      <c r="E28" s="1" t="s">
        <v>70</v>
      </c>
      <c r="F28" s="1" t="s">
        <v>67</v>
      </c>
      <c r="G28" s="1" t="s">
        <v>206</v>
      </c>
      <c r="J28" s="1" t="s">
        <v>30</v>
      </c>
      <c r="K28" s="1" t="s">
        <v>66</v>
      </c>
      <c r="M28" s="1" t="s">
        <v>207</v>
      </c>
      <c r="N28" s="1" t="s">
        <v>33</v>
      </c>
      <c r="O28" s="1" t="s">
        <v>208</v>
      </c>
      <c r="P28" s="1" t="s">
        <v>35</v>
      </c>
      <c r="Q28" s="1" t="s">
        <v>40</v>
      </c>
      <c r="S28" s="1" t="s">
        <v>137</v>
      </c>
      <c r="U28" s="1">
        <v>8.6999999999999993</v>
      </c>
      <c r="V28" s="3">
        <v>13</v>
      </c>
      <c r="W28" s="1" t="s">
        <v>508</v>
      </c>
      <c r="X28" s="1">
        <v>1.2</v>
      </c>
      <c r="Y28" s="1">
        <v>0.1</v>
      </c>
      <c r="Z28" s="1">
        <v>8.9999999999999993E-3</v>
      </c>
      <c r="AA28" t="s">
        <v>554</v>
      </c>
      <c r="AB28" t="s">
        <v>526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5</v>
      </c>
      <c r="BC28" s="1">
        <v>0.55000000000000004</v>
      </c>
      <c r="BD28" s="1">
        <v>0.6</v>
      </c>
      <c r="BF28" s="1"/>
      <c r="BG28" s="1"/>
      <c r="BH28" s="1"/>
      <c r="BI28" s="1"/>
      <c r="BJ28" s="1"/>
      <c r="BK28" s="1"/>
      <c r="BL28" s="1"/>
      <c r="BM28" s="1">
        <v>0.16</v>
      </c>
      <c r="BN28" s="1">
        <v>7.8E-2</v>
      </c>
      <c r="BO28" s="1"/>
      <c r="BP28" s="1"/>
      <c r="BQ28" s="1">
        <v>31.6</v>
      </c>
      <c r="BR28" s="1"/>
      <c r="BS28" s="1"/>
      <c r="BT28" s="1">
        <v>5.8</v>
      </c>
      <c r="BU28" s="1"/>
      <c r="BV28" s="1"/>
      <c r="BW28" s="1"/>
      <c r="BX28" s="1"/>
      <c r="BY28" s="1"/>
      <c r="BZ28" s="1"/>
    </row>
    <row r="29" spans="1:78" x14ac:dyDescent="0.15">
      <c r="B29" s="2">
        <v>0.44444444444444442</v>
      </c>
      <c r="C29" s="1" t="s">
        <v>478</v>
      </c>
      <c r="D29" s="1" t="s">
        <v>43</v>
      </c>
      <c r="E29" s="1" t="s">
        <v>70</v>
      </c>
      <c r="G29" s="1" t="s">
        <v>178</v>
      </c>
      <c r="J29" s="1" t="s">
        <v>205</v>
      </c>
      <c r="N29" s="1" t="s">
        <v>33</v>
      </c>
      <c r="P29" s="1" t="s">
        <v>35</v>
      </c>
      <c r="Q29" s="1" t="s">
        <v>36</v>
      </c>
      <c r="S29" s="1" t="s">
        <v>111</v>
      </c>
      <c r="U29" s="1">
        <v>8.1999999999999993</v>
      </c>
      <c r="V29" s="1"/>
      <c r="W29" s="1"/>
      <c r="X29" s="1">
        <v>0.67</v>
      </c>
      <c r="Y29" s="1">
        <v>5.8999999999999997E-2</v>
      </c>
      <c r="Z29" s="1">
        <v>6.0000000000000001E-3</v>
      </c>
      <c r="AA29" t="s">
        <v>554</v>
      </c>
      <c r="AB29" t="s">
        <v>526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5</v>
      </c>
      <c r="BC29" s="1">
        <v>0.31</v>
      </c>
      <c r="BD29" s="1">
        <v>0.36</v>
      </c>
      <c r="BF29" s="1"/>
      <c r="BG29" s="1"/>
      <c r="BH29" s="1"/>
      <c r="BI29" s="1"/>
      <c r="BJ29" s="1"/>
      <c r="BK29" s="1"/>
      <c r="BL29" s="1"/>
      <c r="BM29" s="1">
        <v>7.0000000000000007E-2</v>
      </c>
      <c r="BN29" s="1">
        <v>4.1000000000000002E-2</v>
      </c>
      <c r="BO29" s="1"/>
      <c r="BP29" s="1"/>
      <c r="BQ29" s="1">
        <v>32.619999999999997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4444444444444442</v>
      </c>
      <c r="C30" s="1" t="s">
        <v>553</v>
      </c>
      <c r="D30" s="1" t="s">
        <v>43</v>
      </c>
      <c r="E30" s="1" t="s">
        <v>70</v>
      </c>
      <c r="J30" s="1" t="s">
        <v>187</v>
      </c>
      <c r="N30" s="1" t="s">
        <v>33</v>
      </c>
      <c r="U30" s="1"/>
      <c r="V30" s="1"/>
      <c r="W30" s="1"/>
      <c r="X30" s="1"/>
      <c r="Y30" s="1"/>
      <c r="Z30" s="1"/>
      <c r="AA30" t="s">
        <v>554</v>
      </c>
      <c r="AB30" t="s">
        <v>554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44097222222222227</v>
      </c>
      <c r="C31" s="1" t="s">
        <v>476</v>
      </c>
      <c r="D31" s="1" t="s">
        <v>51</v>
      </c>
      <c r="E31" s="1" t="s">
        <v>477</v>
      </c>
      <c r="F31" s="1" t="s">
        <v>123</v>
      </c>
      <c r="G31" s="1" t="s">
        <v>129</v>
      </c>
      <c r="J31" s="1" t="s">
        <v>30</v>
      </c>
      <c r="K31" s="1" t="s">
        <v>39</v>
      </c>
      <c r="M31" s="1" t="s">
        <v>137</v>
      </c>
      <c r="N31" s="1" t="s">
        <v>33</v>
      </c>
      <c r="O31" s="1" t="s">
        <v>92</v>
      </c>
      <c r="P31" s="1" t="s">
        <v>35</v>
      </c>
      <c r="Q31" s="1" t="s">
        <v>36</v>
      </c>
      <c r="S31" s="1" t="s">
        <v>32</v>
      </c>
      <c r="U31" s="1">
        <v>8.6999999999999993</v>
      </c>
      <c r="V31" s="3">
        <v>1700</v>
      </c>
      <c r="W31" s="1" t="s">
        <v>508</v>
      </c>
      <c r="X31" s="1">
        <v>0.99</v>
      </c>
      <c r="Y31" s="1">
        <v>5.2999999999999999E-2</v>
      </c>
      <c r="Z31" s="1">
        <v>7.0000000000000001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3</v>
      </c>
      <c r="BC31" s="1">
        <v>0.44</v>
      </c>
      <c r="BD31" s="1">
        <v>0.49</v>
      </c>
      <c r="BF31" s="1"/>
      <c r="BG31" s="1"/>
      <c r="BH31" s="1"/>
      <c r="BI31" s="1"/>
      <c r="BJ31" s="1"/>
      <c r="BK31" s="1"/>
      <c r="BL31" s="1"/>
      <c r="BM31" s="1">
        <v>0.1</v>
      </c>
      <c r="BN31" s="1">
        <v>0.04</v>
      </c>
      <c r="BO31" s="1"/>
      <c r="BP31" s="1"/>
      <c r="BQ31" s="1">
        <v>31.86</v>
      </c>
      <c r="BR31" s="1" t="s">
        <v>531</v>
      </c>
      <c r="BS31" s="1" t="s">
        <v>511</v>
      </c>
      <c r="BT31" s="1">
        <v>2.8</v>
      </c>
      <c r="BU31" s="1"/>
      <c r="BV31" s="1"/>
      <c r="BW31" s="1"/>
      <c r="BX31" s="1"/>
      <c r="BY31" s="1"/>
      <c r="BZ31" s="1"/>
    </row>
    <row r="32" spans="1:78" x14ac:dyDescent="0.15">
      <c r="B32" s="2">
        <v>0.44097222222222227</v>
      </c>
      <c r="C32" s="1" t="s">
        <v>478</v>
      </c>
      <c r="D32" s="1" t="s">
        <v>51</v>
      </c>
      <c r="E32" s="1" t="s">
        <v>477</v>
      </c>
      <c r="G32" s="1" t="s">
        <v>209</v>
      </c>
      <c r="J32" s="1" t="s">
        <v>210</v>
      </c>
      <c r="N32" s="1" t="s">
        <v>33</v>
      </c>
      <c r="P32" s="1" t="s">
        <v>35</v>
      </c>
      <c r="Q32" s="1" t="s">
        <v>84</v>
      </c>
      <c r="S32" s="1" t="s">
        <v>126</v>
      </c>
      <c r="U32" s="1">
        <v>8.8000000000000007</v>
      </c>
      <c r="V32" s="1"/>
      <c r="W32" s="1"/>
      <c r="X32" s="1">
        <v>0.62</v>
      </c>
      <c r="Y32" s="1">
        <v>3.7999999999999999E-2</v>
      </c>
      <c r="Z32" s="1">
        <v>5.000000000000000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31</v>
      </c>
      <c r="BD32" s="1">
        <v>0.36</v>
      </c>
      <c r="BF32" s="1"/>
      <c r="BG32" s="1"/>
      <c r="BH32" s="1"/>
      <c r="BI32" s="1"/>
      <c r="BJ32" s="1"/>
      <c r="BK32" s="1"/>
      <c r="BL32" s="1"/>
      <c r="BM32" s="1">
        <v>0.04</v>
      </c>
      <c r="BN32" s="1">
        <v>2.1999999999999999E-2</v>
      </c>
      <c r="BO32" s="1"/>
      <c r="BP32" s="1"/>
      <c r="BQ32" s="1">
        <v>32.49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4097222222222227</v>
      </c>
      <c r="C33" s="1" t="s">
        <v>553</v>
      </c>
      <c r="D33" s="1" t="s">
        <v>51</v>
      </c>
      <c r="E33" s="1" t="s">
        <v>477</v>
      </c>
      <c r="J33" s="1" t="s">
        <v>211</v>
      </c>
      <c r="N33" s="1" t="s">
        <v>33</v>
      </c>
      <c r="U33" s="1"/>
      <c r="V33" s="1"/>
      <c r="W33" s="1"/>
      <c r="X33" s="1"/>
      <c r="Y33" s="1"/>
      <c r="Z33" s="1"/>
      <c r="AA33" t="s">
        <v>554</v>
      </c>
      <c r="AB33" t="s">
        <v>554</v>
      </c>
      <c r="AC33" s="1" t="s">
        <v>509</v>
      </c>
      <c r="AD33" s="1" t="s">
        <v>510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4</v>
      </c>
      <c r="AL33" s="1" t="s">
        <v>514</v>
      </c>
      <c r="AM33" s="1" t="s">
        <v>514</v>
      </c>
      <c r="AN33" s="1" t="s">
        <v>514</v>
      </c>
      <c r="AO33" s="1" t="s">
        <v>514</v>
      </c>
      <c r="AP33" t="s">
        <v>514</v>
      </c>
      <c r="AQ33" s="1" t="s">
        <v>514</v>
      </c>
      <c r="AR33" s="1" t="s">
        <v>514</v>
      </c>
      <c r="AS33" s="1" t="s">
        <v>514</v>
      </c>
      <c r="AT33" s="1" t="s">
        <v>517</v>
      </c>
      <c r="AU33" s="1"/>
      <c r="AV33" s="1"/>
      <c r="AW33" s="1"/>
      <c r="AX33" s="1" t="s">
        <v>514</v>
      </c>
      <c r="AY33" s="1" t="s">
        <v>523</v>
      </c>
      <c r="AZ33" s="1"/>
      <c r="BA33" s="1"/>
      <c r="BB33" s="1"/>
      <c r="BC33" s="1"/>
      <c r="BD33" s="1"/>
      <c r="BE33" t="s">
        <v>511</v>
      </c>
      <c r="BF33" s="1" t="s">
        <v>511</v>
      </c>
      <c r="BG33" s="1" t="s">
        <v>524</v>
      </c>
      <c r="BH33" s="1" t="s">
        <v>512</v>
      </c>
      <c r="BI33" s="1" t="s">
        <v>510</v>
      </c>
      <c r="BJ33" s="1"/>
      <c r="BK33" s="1" t="s">
        <v>513</v>
      </c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9999999999999997</v>
      </c>
      <c r="C34" s="1" t="s">
        <v>476</v>
      </c>
      <c r="D34" s="1" t="s">
        <v>43</v>
      </c>
      <c r="E34" s="1" t="s">
        <v>477</v>
      </c>
      <c r="F34" s="1" t="s">
        <v>206</v>
      </c>
      <c r="G34" s="1" t="s">
        <v>212</v>
      </c>
      <c r="J34" s="1" t="s">
        <v>30</v>
      </c>
      <c r="K34" s="1" t="s">
        <v>139</v>
      </c>
      <c r="M34" s="1" t="s">
        <v>101</v>
      </c>
      <c r="N34" s="1" t="s">
        <v>33</v>
      </c>
      <c r="O34" s="1" t="s">
        <v>92</v>
      </c>
      <c r="P34" s="1" t="s">
        <v>35</v>
      </c>
      <c r="Q34" s="1" t="s">
        <v>84</v>
      </c>
      <c r="S34" s="1" t="s">
        <v>163</v>
      </c>
      <c r="U34" s="1">
        <v>9</v>
      </c>
      <c r="V34" s="3">
        <v>1100</v>
      </c>
      <c r="W34" s="1" t="s">
        <v>508</v>
      </c>
      <c r="X34" s="1">
        <v>1.3</v>
      </c>
      <c r="Y34" s="1">
        <v>9.4E-2</v>
      </c>
      <c r="Z34" s="1">
        <v>0.01</v>
      </c>
      <c r="AA34" t="s">
        <v>554</v>
      </c>
      <c r="AB34" t="s">
        <v>561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3</v>
      </c>
      <c r="BC34" s="1">
        <v>0.56000000000000005</v>
      </c>
      <c r="BD34" s="1">
        <v>0.61</v>
      </c>
      <c r="BF34" s="1"/>
      <c r="BG34" s="1"/>
      <c r="BH34" s="1"/>
      <c r="BI34" s="1"/>
      <c r="BJ34" s="1"/>
      <c r="BK34" s="1"/>
      <c r="BL34" s="1"/>
      <c r="BM34" s="1">
        <v>0.19</v>
      </c>
      <c r="BN34" s="1">
        <v>7.6999999999999999E-2</v>
      </c>
      <c r="BO34" s="1"/>
      <c r="BP34" s="1"/>
      <c r="BQ34" s="1">
        <v>30</v>
      </c>
      <c r="BR34" s="1"/>
      <c r="BS34" s="1"/>
      <c r="BT34" s="1">
        <v>3.6</v>
      </c>
      <c r="BU34" s="1"/>
      <c r="BV34" s="1"/>
      <c r="BW34" s="1"/>
      <c r="BX34" s="1"/>
      <c r="BY34" s="1"/>
      <c r="BZ34" s="1"/>
    </row>
    <row r="35" spans="1:78" x14ac:dyDescent="0.15">
      <c r="B35" s="2">
        <v>0.39999999999999997</v>
      </c>
      <c r="C35" s="1" t="s">
        <v>478</v>
      </c>
      <c r="D35" s="1" t="s">
        <v>43</v>
      </c>
      <c r="E35" s="1" t="s">
        <v>477</v>
      </c>
      <c r="G35" s="1" t="s">
        <v>213</v>
      </c>
      <c r="J35" s="1" t="s">
        <v>185</v>
      </c>
      <c r="N35" s="1" t="s">
        <v>33</v>
      </c>
      <c r="P35" s="1" t="s">
        <v>35</v>
      </c>
      <c r="Q35" s="1" t="s">
        <v>84</v>
      </c>
      <c r="S35" s="1" t="s">
        <v>133</v>
      </c>
      <c r="U35" s="1">
        <v>8.1</v>
      </c>
      <c r="V35" s="1"/>
      <c r="W35" s="1"/>
      <c r="X35" s="1">
        <v>0.65</v>
      </c>
      <c r="Y35" s="1">
        <v>4.4999999999999998E-2</v>
      </c>
      <c r="Z35" s="1">
        <v>6.0000000000000001E-3</v>
      </c>
      <c r="AA35" t="s">
        <v>554</v>
      </c>
      <c r="AB35" t="s">
        <v>526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2</v>
      </c>
      <c r="BC35" s="1">
        <v>0.31</v>
      </c>
      <c r="BD35" s="1">
        <v>0.36</v>
      </c>
      <c r="BF35" s="1"/>
      <c r="BG35" s="1"/>
      <c r="BH35" s="1"/>
      <c r="BI35" s="1"/>
      <c r="BJ35" s="1"/>
      <c r="BK35" s="1"/>
      <c r="BL35" s="1"/>
      <c r="BM35" s="1">
        <v>0.08</v>
      </c>
      <c r="BN35" s="1">
        <v>2.5000000000000001E-2</v>
      </c>
      <c r="BO35" s="1"/>
      <c r="BP35" s="1"/>
      <c r="BQ35" s="1">
        <v>32.340000000000003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9999999999999997</v>
      </c>
      <c r="C36" s="1" t="s">
        <v>553</v>
      </c>
      <c r="D36" s="1" t="s">
        <v>43</v>
      </c>
      <c r="E36" s="1" t="s">
        <v>477</v>
      </c>
      <c r="J36" s="1" t="s">
        <v>187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672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81</v>
      </c>
      <c r="E1" s="1" t="s">
        <v>2</v>
      </c>
      <c r="F1" s="1" t="s">
        <v>467</v>
      </c>
      <c r="G1" s="1" t="s">
        <v>3</v>
      </c>
      <c r="H1" s="1" t="s">
        <v>48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7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46736111111111112</v>
      </c>
      <c r="C4" s="1" t="s">
        <v>476</v>
      </c>
      <c r="D4" s="1" t="s">
        <v>27</v>
      </c>
      <c r="E4" s="1" t="s">
        <v>477</v>
      </c>
      <c r="F4" s="1" t="s">
        <v>29</v>
      </c>
      <c r="G4" s="1" t="s">
        <v>98</v>
      </c>
      <c r="J4" s="1" t="s">
        <v>30</v>
      </c>
      <c r="K4" s="1" t="s">
        <v>77</v>
      </c>
      <c r="M4" s="1" t="s">
        <v>170</v>
      </c>
      <c r="N4" s="1" t="s">
        <v>33</v>
      </c>
      <c r="O4" s="1" t="s">
        <v>157</v>
      </c>
      <c r="P4" s="1" t="s">
        <v>35</v>
      </c>
      <c r="Q4" s="1" t="s">
        <v>40</v>
      </c>
      <c r="S4" s="1" t="s">
        <v>169</v>
      </c>
      <c r="U4" s="1">
        <v>9.4</v>
      </c>
      <c r="V4" s="3">
        <v>79</v>
      </c>
      <c r="W4" s="1" t="s">
        <v>508</v>
      </c>
      <c r="X4" s="1">
        <v>1.5</v>
      </c>
      <c r="Y4" s="1">
        <v>0.1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5</v>
      </c>
      <c r="BC4" s="1">
        <v>0.89</v>
      </c>
      <c r="BD4" s="1">
        <v>0.94</v>
      </c>
      <c r="BE4" s="1"/>
      <c r="BF4" s="1"/>
      <c r="BG4" s="1"/>
      <c r="BH4" s="1"/>
      <c r="BI4" s="1"/>
      <c r="BJ4" s="1"/>
      <c r="BK4" s="1"/>
      <c r="BL4" s="1"/>
      <c r="BM4" s="1">
        <v>0.13</v>
      </c>
      <c r="BN4" s="1">
        <v>7.0999999999999994E-2</v>
      </c>
      <c r="BO4" s="1"/>
      <c r="BP4" s="1"/>
      <c r="BQ4" s="1">
        <v>27.48</v>
      </c>
      <c r="BR4" s="1"/>
      <c r="BS4" s="1"/>
      <c r="BT4" s="1">
        <v>25</v>
      </c>
      <c r="BU4" s="1"/>
      <c r="BV4" s="1"/>
      <c r="BW4" s="1"/>
      <c r="BX4" s="1"/>
      <c r="BY4" s="1"/>
      <c r="BZ4" s="1"/>
    </row>
    <row r="5" spans="1:78" x14ac:dyDescent="0.15">
      <c r="B5" s="2">
        <v>0.46736111111111112</v>
      </c>
      <c r="C5" s="1" t="s">
        <v>478</v>
      </c>
      <c r="D5" s="1" t="s">
        <v>27</v>
      </c>
      <c r="E5" s="1" t="s">
        <v>477</v>
      </c>
      <c r="G5" s="1" t="s">
        <v>215</v>
      </c>
      <c r="J5" s="1" t="s">
        <v>171</v>
      </c>
      <c r="N5" s="1" t="s">
        <v>33</v>
      </c>
      <c r="P5" s="1" t="s">
        <v>35</v>
      </c>
      <c r="Q5" s="1" t="s">
        <v>36</v>
      </c>
      <c r="S5" s="1" t="s">
        <v>125</v>
      </c>
      <c r="U5" s="1">
        <v>8.3000000000000007</v>
      </c>
      <c r="V5" s="1"/>
      <c r="W5" s="1"/>
      <c r="X5" s="1">
        <v>0.66</v>
      </c>
      <c r="Y5" s="1">
        <v>5.8999999999999997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32</v>
      </c>
      <c r="BD5" s="1">
        <v>0.37</v>
      </c>
      <c r="BE5" s="1"/>
      <c r="BF5" s="1"/>
      <c r="BG5" s="1"/>
      <c r="BH5" s="1"/>
      <c r="BI5" s="1"/>
      <c r="BJ5" s="1"/>
      <c r="BK5" s="1"/>
      <c r="BL5" s="1"/>
      <c r="BM5" s="1">
        <v>0.08</v>
      </c>
      <c r="BN5" s="1">
        <v>3.5999999999999997E-2</v>
      </c>
      <c r="BO5" s="1"/>
      <c r="BP5" s="1"/>
      <c r="BQ5" s="1">
        <v>31.17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49236111111111108</v>
      </c>
      <c r="C6" s="1" t="s">
        <v>476</v>
      </c>
      <c r="D6" s="1" t="s">
        <v>43</v>
      </c>
      <c r="E6" s="1" t="s">
        <v>44</v>
      </c>
      <c r="F6" s="1" t="s">
        <v>120</v>
      </c>
      <c r="G6" s="1" t="s">
        <v>56</v>
      </c>
      <c r="J6" s="1" t="s">
        <v>30</v>
      </c>
      <c r="K6" s="1" t="s">
        <v>121</v>
      </c>
      <c r="M6" s="1" t="s">
        <v>91</v>
      </c>
      <c r="N6" s="1" t="s">
        <v>33</v>
      </c>
      <c r="O6" s="1" t="s">
        <v>157</v>
      </c>
      <c r="P6" s="1" t="s">
        <v>35</v>
      </c>
      <c r="Q6" s="1" t="s">
        <v>40</v>
      </c>
      <c r="S6" s="1" t="s">
        <v>169</v>
      </c>
      <c r="U6" s="1">
        <v>7.4</v>
      </c>
      <c r="V6" s="3">
        <v>33000</v>
      </c>
      <c r="W6" s="1" t="s">
        <v>508</v>
      </c>
      <c r="X6" s="1">
        <v>1.6</v>
      </c>
      <c r="Y6" s="1">
        <v>0.1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3</v>
      </c>
      <c r="BC6" s="1">
        <v>0.93</v>
      </c>
      <c r="BD6" s="1">
        <v>0.98</v>
      </c>
      <c r="BE6" s="1"/>
      <c r="BF6" s="1"/>
      <c r="BG6" s="1"/>
      <c r="BH6" s="1"/>
      <c r="BI6" s="1"/>
      <c r="BJ6" s="1"/>
      <c r="BK6" s="1"/>
      <c r="BL6" s="1"/>
      <c r="BM6" s="1">
        <v>0.22</v>
      </c>
      <c r="BN6" s="1">
        <v>0.09</v>
      </c>
      <c r="BO6" s="1"/>
      <c r="BP6" s="1"/>
      <c r="BQ6" s="1">
        <v>19.34</v>
      </c>
      <c r="BR6" s="1"/>
      <c r="BS6" s="1"/>
      <c r="BT6" s="1">
        <v>5.0999999999999996</v>
      </c>
      <c r="BU6" s="1"/>
      <c r="BV6" s="1"/>
      <c r="BW6" s="1"/>
      <c r="BX6" s="1"/>
      <c r="BY6" s="1"/>
      <c r="BZ6" s="1"/>
    </row>
    <row r="7" spans="1:78" x14ac:dyDescent="0.15">
      <c r="B7" s="2">
        <v>0.49236111111111108</v>
      </c>
      <c r="C7" s="1" t="s">
        <v>478</v>
      </c>
      <c r="D7" s="1" t="s">
        <v>43</v>
      </c>
      <c r="E7" s="1" t="s">
        <v>44</v>
      </c>
      <c r="G7" s="1" t="s">
        <v>216</v>
      </c>
      <c r="J7" s="1" t="s">
        <v>217</v>
      </c>
      <c r="N7" s="1" t="s">
        <v>33</v>
      </c>
      <c r="P7" s="1" t="s">
        <v>35</v>
      </c>
      <c r="Q7" s="1" t="s">
        <v>84</v>
      </c>
      <c r="S7" s="1" t="s">
        <v>163</v>
      </c>
      <c r="U7" s="1">
        <v>7.2</v>
      </c>
      <c r="V7" s="1"/>
      <c r="W7" s="1"/>
      <c r="X7" s="1">
        <v>1</v>
      </c>
      <c r="Y7" s="1">
        <v>8.7999999999999995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3</v>
      </c>
      <c r="BC7" s="1">
        <v>0.43</v>
      </c>
      <c r="BD7" s="1">
        <v>0.48</v>
      </c>
      <c r="BE7" s="1"/>
      <c r="BF7" s="1"/>
      <c r="BG7" s="1"/>
      <c r="BH7" s="1"/>
      <c r="BI7" s="1"/>
      <c r="BJ7" s="1"/>
      <c r="BK7" s="1"/>
      <c r="BL7" s="1"/>
      <c r="BM7" s="1">
        <v>0.19</v>
      </c>
      <c r="BN7" s="1">
        <v>4.9000000000000002E-2</v>
      </c>
      <c r="BO7" s="1"/>
      <c r="BP7" s="1"/>
      <c r="BQ7" s="1">
        <v>27.39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45694444444444443</v>
      </c>
      <c r="C8" s="1" t="s">
        <v>476</v>
      </c>
      <c r="D8" s="1" t="s">
        <v>51</v>
      </c>
      <c r="E8" s="1" t="s">
        <v>477</v>
      </c>
      <c r="F8" s="1" t="s">
        <v>218</v>
      </c>
      <c r="G8" s="1" t="s">
        <v>52</v>
      </c>
      <c r="J8" s="1" t="s">
        <v>30</v>
      </c>
      <c r="K8" s="1" t="s">
        <v>36</v>
      </c>
      <c r="M8" s="1" t="s">
        <v>111</v>
      </c>
      <c r="N8" s="1" t="s">
        <v>33</v>
      </c>
      <c r="O8" s="1" t="s">
        <v>157</v>
      </c>
      <c r="P8" s="1" t="s">
        <v>35</v>
      </c>
      <c r="Q8" s="1" t="s">
        <v>55</v>
      </c>
      <c r="S8" s="1" t="s">
        <v>219</v>
      </c>
      <c r="U8" s="1">
        <v>9</v>
      </c>
      <c r="V8" s="3">
        <v>79</v>
      </c>
      <c r="W8" s="1" t="s">
        <v>508</v>
      </c>
      <c r="X8" s="1">
        <v>2.2999999999999998</v>
      </c>
      <c r="Y8" s="1">
        <v>0.15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9</v>
      </c>
      <c r="BC8" s="1">
        <v>1.2</v>
      </c>
      <c r="BD8" s="1">
        <v>1.2</v>
      </c>
      <c r="BE8" s="1"/>
      <c r="BF8" s="1"/>
      <c r="BG8" s="1"/>
      <c r="BH8" s="1"/>
      <c r="BI8" s="1"/>
      <c r="BJ8" s="1"/>
      <c r="BK8" s="1"/>
      <c r="BL8" s="1"/>
      <c r="BM8" s="1">
        <v>0.2</v>
      </c>
      <c r="BN8" s="1">
        <v>0.08</v>
      </c>
      <c r="BO8" s="1"/>
      <c r="BP8" s="1"/>
      <c r="BQ8" s="1">
        <v>22.57</v>
      </c>
      <c r="BR8" s="1"/>
      <c r="BS8" s="1"/>
      <c r="BT8" s="1">
        <v>18</v>
      </c>
      <c r="BU8" s="1"/>
      <c r="BV8" s="1"/>
      <c r="BW8" s="1"/>
      <c r="BX8" s="1"/>
      <c r="BY8" s="1"/>
      <c r="BZ8" s="1"/>
    </row>
    <row r="9" spans="1:78" x14ac:dyDescent="0.15">
      <c r="B9" s="2">
        <v>0.45694444444444443</v>
      </c>
      <c r="C9" s="1" t="s">
        <v>478</v>
      </c>
      <c r="D9" s="1" t="s">
        <v>51</v>
      </c>
      <c r="E9" s="1" t="s">
        <v>477</v>
      </c>
      <c r="G9" s="1" t="s">
        <v>99</v>
      </c>
      <c r="J9" s="1" t="s">
        <v>77</v>
      </c>
      <c r="N9" s="1" t="s">
        <v>33</v>
      </c>
      <c r="P9" s="1" t="s">
        <v>35</v>
      </c>
      <c r="Q9" s="1" t="s">
        <v>84</v>
      </c>
      <c r="S9" s="1" t="s">
        <v>125</v>
      </c>
      <c r="U9" s="1">
        <v>5.9</v>
      </c>
      <c r="V9" s="1"/>
      <c r="W9" s="1"/>
      <c r="X9" s="1">
        <v>0.68</v>
      </c>
      <c r="Y9" s="1">
        <v>7.3999999999999996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0.19</v>
      </c>
      <c r="BD9" s="1">
        <v>0.24</v>
      </c>
      <c r="BE9" s="1"/>
      <c r="BF9" s="1"/>
      <c r="BG9" s="1"/>
      <c r="BH9" s="1"/>
      <c r="BI9" s="1"/>
      <c r="BJ9" s="1"/>
      <c r="BK9" s="1"/>
      <c r="BL9" s="1"/>
      <c r="BM9" s="1">
        <v>0.15</v>
      </c>
      <c r="BN9" s="1">
        <v>4.2000000000000003E-2</v>
      </c>
      <c r="BO9" s="1"/>
      <c r="BP9" s="1"/>
      <c r="BQ9" s="1">
        <v>30.34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8680555555555555</v>
      </c>
      <c r="C10" s="1" t="s">
        <v>476</v>
      </c>
      <c r="D10" s="1" t="s">
        <v>27</v>
      </c>
      <c r="E10" s="1" t="s">
        <v>477</v>
      </c>
      <c r="F10" s="1" t="s">
        <v>150</v>
      </c>
      <c r="G10" s="1" t="s">
        <v>220</v>
      </c>
      <c r="J10" s="1" t="s">
        <v>30</v>
      </c>
      <c r="K10" s="1" t="s">
        <v>121</v>
      </c>
      <c r="M10" s="1" t="s">
        <v>114</v>
      </c>
      <c r="N10" s="1" t="s">
        <v>74</v>
      </c>
      <c r="O10" s="1" t="s">
        <v>221</v>
      </c>
      <c r="P10" s="1" t="s">
        <v>35</v>
      </c>
      <c r="Q10" s="1" t="s">
        <v>84</v>
      </c>
      <c r="S10" s="1" t="s">
        <v>222</v>
      </c>
      <c r="U10" s="1">
        <v>9.5</v>
      </c>
      <c r="V10" s="3">
        <v>1300</v>
      </c>
      <c r="W10" s="1" t="s">
        <v>508</v>
      </c>
      <c r="X10" s="1">
        <v>1.4</v>
      </c>
      <c r="Y10" s="1">
        <v>0.1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5</v>
      </c>
      <c r="BC10" s="1">
        <v>0.71</v>
      </c>
      <c r="BD10" s="1">
        <v>0.76</v>
      </c>
      <c r="BE10" s="1"/>
      <c r="BF10" s="1"/>
      <c r="BG10" s="1"/>
      <c r="BH10" s="1"/>
      <c r="BI10" s="1"/>
      <c r="BJ10" s="1"/>
      <c r="BK10" s="1"/>
      <c r="BL10" s="1"/>
      <c r="BM10" s="1">
        <v>0.08</v>
      </c>
      <c r="BN10" s="1">
        <v>0.03</v>
      </c>
      <c r="BO10" s="1"/>
      <c r="BP10" s="1"/>
      <c r="BQ10" s="1">
        <v>25.06</v>
      </c>
      <c r="BR10" s="1" t="s">
        <v>531</v>
      </c>
      <c r="BS10" s="1" t="s">
        <v>511</v>
      </c>
      <c r="BT10" s="1">
        <v>33</v>
      </c>
      <c r="BU10" s="1"/>
      <c r="BV10" s="1"/>
      <c r="BW10" s="1"/>
      <c r="BX10" s="1"/>
      <c r="BY10" s="1"/>
      <c r="BZ10" s="1"/>
    </row>
    <row r="11" spans="1:78" x14ac:dyDescent="0.15">
      <c r="B11" s="2">
        <v>0.48680555555555555</v>
      </c>
      <c r="C11" s="1" t="s">
        <v>478</v>
      </c>
      <c r="D11" s="1" t="s">
        <v>27</v>
      </c>
      <c r="E11" s="1" t="s">
        <v>477</v>
      </c>
      <c r="G11" s="1" t="s">
        <v>223</v>
      </c>
      <c r="J11" s="1" t="s">
        <v>217</v>
      </c>
      <c r="N11" s="1" t="s">
        <v>74</v>
      </c>
      <c r="P11" s="1" t="s">
        <v>35</v>
      </c>
      <c r="Q11" s="1" t="s">
        <v>40</v>
      </c>
      <c r="S11" s="1" t="s">
        <v>41</v>
      </c>
      <c r="U11" s="1">
        <v>5.4</v>
      </c>
      <c r="V11" s="1"/>
      <c r="W11" s="1"/>
      <c r="X11" s="1">
        <v>0.53</v>
      </c>
      <c r="Y11" s="1">
        <v>6.7000000000000004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12</v>
      </c>
      <c r="BD11" s="1">
        <v>0.17</v>
      </c>
      <c r="BE11" s="1"/>
      <c r="BF11" s="1"/>
      <c r="BG11" s="1"/>
      <c r="BH11" s="1"/>
      <c r="BI11" s="1"/>
      <c r="BJ11" s="1"/>
      <c r="BK11" s="1"/>
      <c r="BL11" s="1"/>
      <c r="BM11" s="1">
        <v>0.16</v>
      </c>
      <c r="BN11" s="1">
        <v>4.1000000000000002E-2</v>
      </c>
      <c r="BO11" s="1"/>
      <c r="BP11" s="1"/>
      <c r="BQ11" s="1">
        <v>30.8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8680555555555555</v>
      </c>
      <c r="C12" s="1" t="s">
        <v>553</v>
      </c>
      <c r="D12" s="1" t="s">
        <v>27</v>
      </c>
      <c r="E12" s="1" t="s">
        <v>477</v>
      </c>
      <c r="J12" s="1" t="s">
        <v>49</v>
      </c>
      <c r="N12" s="1" t="s">
        <v>74</v>
      </c>
      <c r="U12" s="1"/>
      <c r="V12" s="1"/>
      <c r="W12" s="1"/>
      <c r="X12" s="1"/>
      <c r="Y12" s="1"/>
      <c r="Z12" s="1"/>
      <c r="AA12" s="1"/>
      <c r="AB12" s="1"/>
      <c r="AC12" s="1" t="s">
        <v>509</v>
      </c>
      <c r="AD12" s="1" t="s">
        <v>510</v>
      </c>
      <c r="AE12" s="1" t="s">
        <v>513</v>
      </c>
      <c r="AF12" s="1" t="s">
        <v>512</v>
      </c>
      <c r="AG12" s="1" t="s">
        <v>511</v>
      </c>
      <c r="AH12" s="1" t="s">
        <v>513</v>
      </c>
      <c r="AI12" s="1"/>
      <c r="AJ12" s="1" t="s">
        <v>513</v>
      </c>
      <c r="AK12" s="1" t="s">
        <v>514</v>
      </c>
      <c r="AL12" s="1" t="s">
        <v>514</v>
      </c>
      <c r="AM12" s="1" t="s">
        <v>514</v>
      </c>
      <c r="AN12" s="1" t="s">
        <v>514</v>
      </c>
      <c r="AO12" s="1" t="s">
        <v>514</v>
      </c>
      <c r="AP12" t="s">
        <v>514</v>
      </c>
      <c r="AQ12" s="1" t="s">
        <v>514</v>
      </c>
      <c r="AR12" s="1" t="s">
        <v>514</v>
      </c>
      <c r="AS12" s="1" t="s">
        <v>514</v>
      </c>
      <c r="AT12" s="1" t="s">
        <v>517</v>
      </c>
      <c r="AU12" s="1" t="s">
        <v>513</v>
      </c>
      <c r="AV12" s="1" t="s">
        <v>509</v>
      </c>
      <c r="AW12" s="1" t="s">
        <v>509</v>
      </c>
      <c r="AX12" s="1" t="s">
        <v>514</v>
      </c>
      <c r="AY12" s="1" t="s">
        <v>523</v>
      </c>
      <c r="AZ12" s="1"/>
      <c r="BA12" s="1"/>
      <c r="BB12" s="1"/>
      <c r="BC12" s="1"/>
      <c r="BD12" s="1"/>
      <c r="BE12" s="1" t="s">
        <v>511</v>
      </c>
      <c r="BF12" s="1" t="s">
        <v>511</v>
      </c>
      <c r="BG12" s="1">
        <v>1.4E-3</v>
      </c>
      <c r="BH12" s="1" t="s">
        <v>512</v>
      </c>
      <c r="BI12" s="1" t="s">
        <v>510</v>
      </c>
      <c r="BJ12" s="1"/>
      <c r="BK12" s="1" t="s">
        <v>513</v>
      </c>
      <c r="BL12" s="1" t="s">
        <v>518</v>
      </c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58194444444444449</v>
      </c>
      <c r="C13" s="1" t="s">
        <v>476</v>
      </c>
      <c r="D13" s="1" t="s">
        <v>27</v>
      </c>
      <c r="E13" s="1" t="s">
        <v>70</v>
      </c>
      <c r="F13" s="1" t="s">
        <v>224</v>
      </c>
      <c r="G13" s="1" t="s">
        <v>150</v>
      </c>
      <c r="J13" s="1" t="s">
        <v>30</v>
      </c>
      <c r="K13" s="1" t="s">
        <v>80</v>
      </c>
      <c r="M13" s="1" t="s">
        <v>225</v>
      </c>
      <c r="N13" s="1" t="s">
        <v>74</v>
      </c>
      <c r="O13" s="1" t="s">
        <v>226</v>
      </c>
      <c r="P13" s="1" t="s">
        <v>35</v>
      </c>
      <c r="Q13" s="1" t="s">
        <v>174</v>
      </c>
      <c r="S13" s="1" t="s">
        <v>96</v>
      </c>
      <c r="U13" s="1">
        <v>13.5</v>
      </c>
      <c r="V13" s="3">
        <v>33</v>
      </c>
      <c r="W13" s="1" t="s">
        <v>508</v>
      </c>
      <c r="X13" s="1">
        <v>1.1000000000000001</v>
      </c>
      <c r="Y13" s="1">
        <v>0.1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2</v>
      </c>
      <c r="BC13" s="1">
        <v>0.24</v>
      </c>
      <c r="BD13" s="1">
        <v>0.28999999999999998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6.9000000000000006E-2</v>
      </c>
      <c r="BO13" s="1"/>
      <c r="BP13" s="1"/>
      <c r="BQ13" s="1">
        <v>24.98</v>
      </c>
      <c r="BR13" s="1"/>
      <c r="BS13" s="1"/>
      <c r="BT13" s="1">
        <v>63</v>
      </c>
      <c r="BU13" s="1"/>
      <c r="BV13" s="1"/>
      <c r="BW13" s="1"/>
      <c r="BX13" s="1"/>
      <c r="BY13" s="1"/>
      <c r="BZ13" s="1"/>
    </row>
    <row r="14" spans="1:78" x14ac:dyDescent="0.15">
      <c r="B14" s="2">
        <v>0.58194444444444449</v>
      </c>
      <c r="C14" s="1" t="s">
        <v>478</v>
      </c>
      <c r="D14" s="1" t="s">
        <v>27</v>
      </c>
      <c r="E14" s="1" t="s">
        <v>70</v>
      </c>
      <c r="G14" s="1" t="s">
        <v>83</v>
      </c>
      <c r="J14" s="1" t="s">
        <v>186</v>
      </c>
      <c r="N14" s="1" t="s">
        <v>74</v>
      </c>
      <c r="P14" s="1" t="s">
        <v>35</v>
      </c>
      <c r="Q14" s="1" t="s">
        <v>84</v>
      </c>
      <c r="S14" s="1" t="s">
        <v>141</v>
      </c>
      <c r="U14" s="1">
        <v>6.6</v>
      </c>
      <c r="V14" s="1"/>
      <c r="W14" s="1"/>
      <c r="X14" s="1">
        <v>0.67</v>
      </c>
      <c r="Y14" s="1">
        <v>9.0999999999999998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14000000000000001</v>
      </c>
      <c r="BD14" s="1">
        <v>0.19</v>
      </c>
      <c r="BE14" s="1"/>
      <c r="BF14" s="1"/>
      <c r="BG14" s="1"/>
      <c r="BH14" s="1"/>
      <c r="BI14" s="1"/>
      <c r="BJ14" s="1"/>
      <c r="BK14" s="1"/>
      <c r="BL14" s="1"/>
      <c r="BM14" s="1">
        <v>0.09</v>
      </c>
      <c r="BN14" s="1">
        <v>0.05</v>
      </c>
      <c r="BO14" s="1"/>
      <c r="BP14" s="1"/>
      <c r="BQ14" s="1">
        <v>30.29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58194444444444449</v>
      </c>
      <c r="C15" s="1" t="s">
        <v>553</v>
      </c>
      <c r="D15" s="1" t="s">
        <v>27</v>
      </c>
      <c r="E15" s="1" t="s">
        <v>70</v>
      </c>
      <c r="J15" s="1" t="s">
        <v>49</v>
      </c>
      <c r="N15" s="1" t="s">
        <v>7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4604166666666667</v>
      </c>
      <c r="C16" s="1" t="s">
        <v>476</v>
      </c>
      <c r="D16" s="1" t="s">
        <v>43</v>
      </c>
      <c r="E16" s="1" t="s">
        <v>477</v>
      </c>
      <c r="F16" s="1" t="s">
        <v>227</v>
      </c>
      <c r="G16" s="1" t="s">
        <v>228</v>
      </c>
      <c r="J16" s="1" t="s">
        <v>30</v>
      </c>
      <c r="K16" s="1" t="s">
        <v>148</v>
      </c>
      <c r="M16" s="1" t="s">
        <v>57</v>
      </c>
      <c r="N16" s="1" t="s">
        <v>33</v>
      </c>
      <c r="O16" s="1" t="s">
        <v>157</v>
      </c>
      <c r="P16" s="1" t="s">
        <v>35</v>
      </c>
      <c r="Q16" s="1" t="s">
        <v>36</v>
      </c>
      <c r="S16" s="1" t="s">
        <v>180</v>
      </c>
      <c r="U16" s="1">
        <v>7.1</v>
      </c>
      <c r="V16" s="3">
        <v>490</v>
      </c>
      <c r="W16" s="1" t="s">
        <v>508</v>
      </c>
      <c r="X16" s="1">
        <v>0.66</v>
      </c>
      <c r="Y16" s="1">
        <v>0.1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0.26</v>
      </c>
      <c r="BD16" s="1">
        <v>0.31</v>
      </c>
      <c r="BE16" s="1"/>
      <c r="BF16" s="1"/>
      <c r="BG16" s="1"/>
      <c r="BH16" s="1"/>
      <c r="BI16" s="1"/>
      <c r="BJ16" s="1"/>
      <c r="BK16" s="1"/>
      <c r="BL16" s="1"/>
      <c r="BM16" s="1">
        <v>0.06</v>
      </c>
      <c r="BN16" s="1">
        <v>7.4999999999999997E-2</v>
      </c>
      <c r="BO16" s="1"/>
      <c r="BP16" s="1"/>
      <c r="BQ16" s="1">
        <v>29.04</v>
      </c>
      <c r="BR16" s="1"/>
      <c r="BS16" s="1"/>
      <c r="BT16" s="1">
        <v>18</v>
      </c>
      <c r="BU16" s="1"/>
      <c r="BV16" s="1"/>
      <c r="BW16" s="1"/>
      <c r="BX16" s="1"/>
      <c r="BY16" s="1"/>
      <c r="BZ16" s="1"/>
    </row>
    <row r="17" spans="1:78" x14ac:dyDescent="0.15">
      <c r="B17" s="2">
        <v>0.4604166666666667</v>
      </c>
      <c r="C17" s="1" t="s">
        <v>478</v>
      </c>
      <c r="D17" s="1" t="s">
        <v>43</v>
      </c>
      <c r="E17" s="1" t="s">
        <v>477</v>
      </c>
      <c r="G17" s="1" t="s">
        <v>229</v>
      </c>
      <c r="J17" s="1" t="s">
        <v>187</v>
      </c>
      <c r="N17" s="1" t="s">
        <v>33</v>
      </c>
      <c r="P17" s="1" t="s">
        <v>35</v>
      </c>
      <c r="Q17" s="1" t="s">
        <v>36</v>
      </c>
      <c r="S17" s="1" t="s">
        <v>126</v>
      </c>
      <c r="U17" s="1">
        <v>5</v>
      </c>
      <c r="V17" s="1"/>
      <c r="W17" s="1"/>
      <c r="X17" s="1">
        <v>0.47</v>
      </c>
      <c r="Y17" s="1">
        <v>8.2000000000000003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2</v>
      </c>
      <c r="BC17" s="1">
        <v>0.15</v>
      </c>
      <c r="BD17" s="1">
        <v>0.2</v>
      </c>
      <c r="BE17" s="1"/>
      <c r="BF17" s="1"/>
      <c r="BG17" s="1"/>
      <c r="BH17" s="1"/>
      <c r="BI17" s="1"/>
      <c r="BJ17" s="1"/>
      <c r="BK17" s="1"/>
      <c r="BL17" s="1"/>
      <c r="BM17" s="1">
        <v>0.1</v>
      </c>
      <c r="BN17" s="1">
        <v>6.4000000000000001E-2</v>
      </c>
      <c r="BO17" s="1"/>
      <c r="BP17" s="1"/>
      <c r="BQ17" s="1">
        <v>30.5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604166666666667</v>
      </c>
      <c r="C18" s="1" t="s">
        <v>553</v>
      </c>
      <c r="D18" s="1" t="s">
        <v>43</v>
      </c>
      <c r="E18" s="1" t="s">
        <v>477</v>
      </c>
      <c r="J18" s="1" t="s">
        <v>47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6249999999999997</v>
      </c>
      <c r="C19" s="1" t="s">
        <v>476</v>
      </c>
      <c r="D19" s="1" t="s">
        <v>43</v>
      </c>
      <c r="E19" s="1" t="s">
        <v>70</v>
      </c>
      <c r="F19" s="1" t="s">
        <v>230</v>
      </c>
      <c r="G19" s="1" t="s">
        <v>231</v>
      </c>
      <c r="J19" s="1" t="s">
        <v>30</v>
      </c>
      <c r="K19" s="1" t="s">
        <v>121</v>
      </c>
      <c r="M19" s="1" t="s">
        <v>47</v>
      </c>
      <c r="N19" s="1" t="s">
        <v>33</v>
      </c>
      <c r="O19" s="1" t="s">
        <v>157</v>
      </c>
      <c r="P19" s="1" t="s">
        <v>35</v>
      </c>
      <c r="Q19" s="1" t="s">
        <v>93</v>
      </c>
      <c r="S19" s="1" t="s">
        <v>137</v>
      </c>
      <c r="U19" s="1">
        <v>6</v>
      </c>
      <c r="V19" s="3">
        <v>7900</v>
      </c>
      <c r="W19" s="1" t="s">
        <v>508</v>
      </c>
      <c r="X19" s="1">
        <v>1.5</v>
      </c>
      <c r="Y19" s="1">
        <v>0.14000000000000001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3</v>
      </c>
      <c r="BC19" s="1">
        <v>1.1000000000000001</v>
      </c>
      <c r="BD19" s="1">
        <v>1.1000000000000001</v>
      </c>
      <c r="BE19" s="1"/>
      <c r="BF19" s="1"/>
      <c r="BG19" s="1"/>
      <c r="BH19" s="1"/>
      <c r="BI19" s="1"/>
      <c r="BJ19" s="1"/>
      <c r="BK19" s="1"/>
      <c r="BL19" s="1"/>
      <c r="BM19" s="1">
        <v>0.1</v>
      </c>
      <c r="BN19" s="1">
        <v>0.12</v>
      </c>
      <c r="BO19" s="1"/>
      <c r="BP19" s="1"/>
      <c r="BQ19" s="1">
        <v>21.42</v>
      </c>
      <c r="BR19" s="1"/>
      <c r="BS19" s="1"/>
      <c r="BT19" s="1">
        <v>3.6</v>
      </c>
      <c r="BU19" s="1"/>
      <c r="BV19" s="1"/>
      <c r="BW19" s="1"/>
      <c r="BX19" s="1"/>
      <c r="BY19" s="1"/>
      <c r="BZ19" s="1"/>
    </row>
    <row r="20" spans="1:78" x14ac:dyDescent="0.15">
      <c r="B20" s="2">
        <v>0.46249999999999997</v>
      </c>
      <c r="C20" s="1" t="s">
        <v>478</v>
      </c>
      <c r="D20" s="1" t="s">
        <v>43</v>
      </c>
      <c r="E20" s="1" t="s">
        <v>70</v>
      </c>
      <c r="G20" s="1" t="s">
        <v>232</v>
      </c>
      <c r="J20" s="1" t="s">
        <v>217</v>
      </c>
      <c r="N20" s="1" t="s">
        <v>33</v>
      </c>
      <c r="P20" s="1" t="s">
        <v>35</v>
      </c>
      <c r="Q20" s="1" t="s">
        <v>93</v>
      </c>
      <c r="S20" s="1" t="s">
        <v>32</v>
      </c>
      <c r="U20" s="1">
        <v>5.0999999999999996</v>
      </c>
      <c r="V20" s="1"/>
      <c r="W20" s="1"/>
      <c r="X20" s="1">
        <v>0.59</v>
      </c>
      <c r="Y20" s="1">
        <v>7.5999999999999998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1</v>
      </c>
      <c r="BC20" s="1">
        <v>0.31</v>
      </c>
      <c r="BD20" s="1">
        <v>0.36</v>
      </c>
      <c r="BE20" s="1"/>
      <c r="BF20" s="1"/>
      <c r="BG20" s="1"/>
      <c r="BH20" s="1"/>
      <c r="BI20" s="1"/>
      <c r="BJ20" s="1"/>
      <c r="BK20" s="1"/>
      <c r="BL20" s="1"/>
      <c r="BM20" s="1">
        <v>0.05</v>
      </c>
      <c r="BN20" s="1">
        <v>5.8999999999999997E-2</v>
      </c>
      <c r="BO20" s="1"/>
      <c r="BP20" s="1"/>
      <c r="BQ20" s="1">
        <v>29.93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6249999999999997</v>
      </c>
      <c r="C21" s="1" t="s">
        <v>553</v>
      </c>
      <c r="D21" s="1" t="s">
        <v>43</v>
      </c>
      <c r="E21" s="1" t="s">
        <v>70</v>
      </c>
      <c r="J21" s="1" t="s">
        <v>49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51666666666666672</v>
      </c>
      <c r="C22" s="1" t="s">
        <v>476</v>
      </c>
      <c r="D22" s="1" t="s">
        <v>43</v>
      </c>
      <c r="E22" s="1" t="s">
        <v>44</v>
      </c>
      <c r="F22" s="1" t="s">
        <v>168</v>
      </c>
      <c r="G22" s="1" t="s">
        <v>233</v>
      </c>
      <c r="J22" s="1" t="s">
        <v>30</v>
      </c>
      <c r="K22" s="1" t="s">
        <v>80</v>
      </c>
      <c r="M22" s="1" t="s">
        <v>126</v>
      </c>
      <c r="N22" s="1" t="s">
        <v>33</v>
      </c>
      <c r="O22" s="1" t="s">
        <v>157</v>
      </c>
      <c r="P22" s="1" t="s">
        <v>35</v>
      </c>
      <c r="Q22" s="1" t="s">
        <v>40</v>
      </c>
      <c r="S22" s="1" t="s">
        <v>101</v>
      </c>
      <c r="U22" s="1">
        <v>7.7</v>
      </c>
      <c r="V22" s="3">
        <v>17000</v>
      </c>
      <c r="W22" s="1" t="s">
        <v>508</v>
      </c>
      <c r="X22" s="1">
        <v>1.7</v>
      </c>
      <c r="Y22" s="1">
        <v>0.18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6</v>
      </c>
      <c r="BC22" s="1">
        <v>0.78</v>
      </c>
      <c r="BD22" s="1">
        <v>0.84</v>
      </c>
      <c r="BE22" s="1"/>
      <c r="BF22" s="1"/>
      <c r="BG22" s="1"/>
      <c r="BH22" s="1"/>
      <c r="BI22" s="1"/>
      <c r="BJ22" s="1"/>
      <c r="BK22" s="1"/>
      <c r="BL22" s="1"/>
      <c r="BM22" s="1">
        <v>0.13</v>
      </c>
      <c r="BN22" s="1">
        <v>0.1</v>
      </c>
      <c r="BO22" s="1"/>
      <c r="BP22" s="1"/>
      <c r="BQ22" s="1">
        <v>23.4</v>
      </c>
      <c r="BR22" s="1"/>
      <c r="BS22" s="1"/>
      <c r="BT22" s="1">
        <v>15</v>
      </c>
      <c r="BU22" s="1"/>
      <c r="BV22" s="1"/>
      <c r="BW22" s="1"/>
      <c r="BX22" s="1"/>
      <c r="BY22" s="1"/>
      <c r="BZ22" s="1"/>
    </row>
    <row r="23" spans="1:78" x14ac:dyDescent="0.15">
      <c r="B23" s="2">
        <v>0.51666666666666672</v>
      </c>
      <c r="C23" s="1" t="s">
        <v>478</v>
      </c>
      <c r="D23" s="1" t="s">
        <v>43</v>
      </c>
      <c r="E23" s="1" t="s">
        <v>44</v>
      </c>
      <c r="G23" s="1" t="s">
        <v>233</v>
      </c>
      <c r="J23" s="1" t="s">
        <v>186</v>
      </c>
      <c r="N23" s="1" t="s">
        <v>33</v>
      </c>
      <c r="P23" s="1" t="s">
        <v>35</v>
      </c>
      <c r="Q23" s="1" t="s">
        <v>36</v>
      </c>
      <c r="S23" s="1" t="s">
        <v>49</v>
      </c>
      <c r="U23" s="1">
        <v>7.8</v>
      </c>
      <c r="V23" s="1"/>
      <c r="W23" s="1"/>
      <c r="X23" s="1">
        <v>1</v>
      </c>
      <c r="Y23" s="1">
        <v>0.11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3</v>
      </c>
      <c r="BC23" s="1">
        <v>0.43</v>
      </c>
      <c r="BD23" s="1">
        <v>0.48</v>
      </c>
      <c r="BE23" s="1"/>
      <c r="BF23" s="1"/>
      <c r="BG23" s="1"/>
      <c r="BH23" s="1"/>
      <c r="BI23" s="1"/>
      <c r="BJ23" s="1"/>
      <c r="BK23" s="1"/>
      <c r="BL23" s="1"/>
      <c r="BM23" s="1">
        <v>0.06</v>
      </c>
      <c r="BN23" s="1">
        <v>7.1999999999999995E-2</v>
      </c>
      <c r="BO23" s="1"/>
      <c r="BP23" s="1"/>
      <c r="BQ23" s="1">
        <v>29.14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51666666666666672</v>
      </c>
      <c r="C24" s="1" t="s">
        <v>553</v>
      </c>
      <c r="D24" s="1" t="s">
        <v>43</v>
      </c>
      <c r="E24" s="1" t="s">
        <v>44</v>
      </c>
      <c r="J24" s="1" t="s">
        <v>49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46458333333333335</v>
      </c>
      <c r="C25" s="1" t="s">
        <v>476</v>
      </c>
      <c r="D25" s="1" t="s">
        <v>43</v>
      </c>
      <c r="E25" s="1" t="s">
        <v>107</v>
      </c>
      <c r="F25" s="1" t="s">
        <v>235</v>
      </c>
      <c r="G25" s="1" t="s">
        <v>136</v>
      </c>
      <c r="J25" s="1" t="s">
        <v>30</v>
      </c>
      <c r="K25" s="1" t="s">
        <v>93</v>
      </c>
      <c r="M25" s="1" t="s">
        <v>91</v>
      </c>
      <c r="N25" s="1" t="s">
        <v>33</v>
      </c>
      <c r="O25" s="1" t="s">
        <v>157</v>
      </c>
      <c r="P25" s="1" t="s">
        <v>35</v>
      </c>
      <c r="Q25" s="1" t="s">
        <v>40</v>
      </c>
      <c r="S25" s="1" t="s">
        <v>163</v>
      </c>
      <c r="U25" s="1">
        <v>7.7</v>
      </c>
      <c r="V25" s="3">
        <v>13000</v>
      </c>
      <c r="W25" s="1" t="s">
        <v>508</v>
      </c>
      <c r="X25" s="1">
        <v>1</v>
      </c>
      <c r="Y25" s="1">
        <v>0.1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4</v>
      </c>
      <c r="BC25" s="1">
        <v>0.42</v>
      </c>
      <c r="BD25" s="1">
        <v>0.47</v>
      </c>
      <c r="BE25" s="1"/>
      <c r="BF25" s="1"/>
      <c r="BG25" s="1"/>
      <c r="BH25" s="1"/>
      <c r="BI25" s="1"/>
      <c r="BJ25" s="1"/>
      <c r="BK25" s="1"/>
      <c r="BL25" s="1"/>
      <c r="BM25" s="1">
        <v>0.1</v>
      </c>
      <c r="BN25" s="1">
        <v>6.8000000000000005E-2</v>
      </c>
      <c r="BO25" s="1"/>
      <c r="BP25" s="1"/>
      <c r="BQ25" s="1">
        <v>29.71</v>
      </c>
      <c r="BR25" s="1"/>
      <c r="BS25" s="1"/>
      <c r="BT25" s="1">
        <v>6.6</v>
      </c>
      <c r="BU25" s="1"/>
      <c r="BV25" s="1"/>
      <c r="BW25" s="1"/>
      <c r="BX25" s="1"/>
      <c r="BY25" s="1"/>
      <c r="BZ25" s="1"/>
    </row>
    <row r="26" spans="1:78" x14ac:dyDescent="0.15">
      <c r="B26" s="2">
        <v>0.46458333333333335</v>
      </c>
      <c r="C26" s="1" t="s">
        <v>478</v>
      </c>
      <c r="D26" s="1" t="s">
        <v>43</v>
      </c>
      <c r="E26" s="1" t="s">
        <v>107</v>
      </c>
      <c r="G26" s="1" t="s">
        <v>56</v>
      </c>
      <c r="J26" s="1" t="s">
        <v>123</v>
      </c>
      <c r="N26" s="1" t="s">
        <v>33</v>
      </c>
      <c r="P26" s="1" t="s">
        <v>35</v>
      </c>
      <c r="Q26" s="1" t="s">
        <v>36</v>
      </c>
      <c r="S26" s="1" t="s">
        <v>54</v>
      </c>
      <c r="U26" s="1">
        <v>7.3</v>
      </c>
      <c r="V26" s="1"/>
      <c r="W26" s="1"/>
      <c r="X26" s="1">
        <v>0.59</v>
      </c>
      <c r="Y26" s="1">
        <v>5.8000000000000003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3</v>
      </c>
      <c r="BC26" s="1">
        <v>0.21</v>
      </c>
      <c r="BD26" s="1">
        <v>0.26</v>
      </c>
      <c r="BE26" s="1"/>
      <c r="BF26" s="1"/>
      <c r="BG26" s="1"/>
      <c r="BH26" s="1"/>
      <c r="BI26" s="1"/>
      <c r="BJ26" s="1"/>
      <c r="BK26" s="1"/>
      <c r="BL26" s="1"/>
      <c r="BM26" s="1">
        <v>0.12</v>
      </c>
      <c r="BN26" s="1">
        <v>0.04</v>
      </c>
      <c r="BO26" s="1"/>
      <c r="BP26" s="1"/>
      <c r="BQ26" s="1">
        <v>31.83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6458333333333335</v>
      </c>
      <c r="C27" s="1" t="s">
        <v>553</v>
      </c>
      <c r="D27" s="1" t="s">
        <v>43</v>
      </c>
      <c r="E27" s="1" t="s">
        <v>107</v>
      </c>
      <c r="J27" s="1" t="s">
        <v>47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36</v>
      </c>
      <c r="B28" s="2">
        <v>0.47986111111111113</v>
      </c>
      <c r="C28" s="1" t="s">
        <v>476</v>
      </c>
      <c r="D28" s="1" t="s">
        <v>27</v>
      </c>
      <c r="E28" s="1" t="s">
        <v>70</v>
      </c>
      <c r="F28" s="1" t="s">
        <v>36</v>
      </c>
      <c r="G28" s="1" t="s">
        <v>173</v>
      </c>
      <c r="J28" s="1" t="s">
        <v>30</v>
      </c>
      <c r="K28" s="1" t="s">
        <v>84</v>
      </c>
      <c r="M28" s="1" t="s">
        <v>47</v>
      </c>
      <c r="N28" s="1" t="s">
        <v>33</v>
      </c>
      <c r="O28" s="1" t="s">
        <v>208</v>
      </c>
      <c r="P28" s="1" t="s">
        <v>35</v>
      </c>
      <c r="Q28" s="1" t="s">
        <v>40</v>
      </c>
      <c r="S28" s="1" t="s">
        <v>104</v>
      </c>
      <c r="U28" s="1">
        <v>9.6</v>
      </c>
      <c r="V28" s="3">
        <v>13</v>
      </c>
      <c r="W28" s="1" t="s">
        <v>508</v>
      </c>
      <c r="X28" s="1">
        <v>1</v>
      </c>
      <c r="Y28" s="1">
        <v>8.8999999999999996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5</v>
      </c>
      <c r="BC28" s="1">
        <v>0.62</v>
      </c>
      <c r="BD28" s="1">
        <v>0.67</v>
      </c>
      <c r="BF28" s="1"/>
      <c r="BG28" s="1"/>
      <c r="BH28" s="1"/>
      <c r="BI28" s="1"/>
      <c r="BJ28" s="1"/>
      <c r="BK28" s="1"/>
      <c r="BL28" s="1"/>
      <c r="BM28" s="1">
        <v>7.0000000000000007E-2</v>
      </c>
      <c r="BN28" s="1">
        <v>5.7000000000000002E-2</v>
      </c>
      <c r="BO28" s="1"/>
      <c r="BP28" s="1"/>
      <c r="BQ28" s="1">
        <v>30.64</v>
      </c>
      <c r="BR28" s="1" t="s">
        <v>531</v>
      </c>
      <c r="BS28" s="1"/>
      <c r="BT28" s="1">
        <v>4.9000000000000004</v>
      </c>
      <c r="BU28" s="1"/>
      <c r="BV28" s="1"/>
      <c r="BW28" s="1"/>
      <c r="BX28" s="1"/>
      <c r="BY28" s="1"/>
      <c r="BZ28" s="1"/>
    </row>
    <row r="29" spans="1:78" x14ac:dyDescent="0.15">
      <c r="B29" s="2">
        <v>0.47986111111111113</v>
      </c>
      <c r="C29" s="1" t="s">
        <v>478</v>
      </c>
      <c r="D29" s="1" t="s">
        <v>27</v>
      </c>
      <c r="E29" s="1" t="s">
        <v>70</v>
      </c>
      <c r="G29" s="1" t="s">
        <v>206</v>
      </c>
      <c r="J29" s="1" t="s">
        <v>105</v>
      </c>
      <c r="N29" s="1" t="s">
        <v>33</v>
      </c>
      <c r="P29" s="1" t="s">
        <v>35</v>
      </c>
      <c r="Q29" s="1" t="s">
        <v>40</v>
      </c>
      <c r="S29" s="1" t="s">
        <v>54</v>
      </c>
      <c r="U29" s="1">
        <v>9.1</v>
      </c>
      <c r="V29" s="1"/>
      <c r="W29" s="1"/>
      <c r="X29" s="1">
        <v>0.71</v>
      </c>
      <c r="Y29" s="1">
        <v>6.2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4</v>
      </c>
      <c r="BC29" s="1">
        <v>0.38</v>
      </c>
      <c r="BD29" s="1">
        <v>0.43</v>
      </c>
      <c r="BF29" s="1"/>
      <c r="BG29" s="1"/>
      <c r="BH29" s="1"/>
      <c r="BI29" s="1"/>
      <c r="BJ29" s="1"/>
      <c r="BK29" s="1"/>
      <c r="BL29" s="1"/>
      <c r="BM29" s="1">
        <v>0.04</v>
      </c>
      <c r="BN29" s="1">
        <v>3.9E-2</v>
      </c>
      <c r="BO29" s="1"/>
      <c r="BP29" s="1"/>
      <c r="BQ29" s="1">
        <v>31.89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7986111111111113</v>
      </c>
      <c r="C30" s="1" t="s">
        <v>553</v>
      </c>
      <c r="D30" s="1" t="s">
        <v>27</v>
      </c>
      <c r="E30" s="1" t="s">
        <v>70</v>
      </c>
      <c r="J30" s="1" t="s">
        <v>119</v>
      </c>
      <c r="N30" s="1" t="s">
        <v>33</v>
      </c>
      <c r="U30" s="1"/>
      <c r="V30" s="1"/>
      <c r="W30" s="1"/>
      <c r="X30" s="1"/>
      <c r="Y30" s="1"/>
      <c r="Z30" s="1"/>
      <c r="AC30" s="1" t="s">
        <v>509</v>
      </c>
      <c r="AD30" s="1" t="s">
        <v>510</v>
      </c>
      <c r="AE30" s="1" t="s">
        <v>513</v>
      </c>
      <c r="AF30" s="1" t="s">
        <v>512</v>
      </c>
      <c r="AG30" s="1" t="s">
        <v>511</v>
      </c>
      <c r="AH30" s="1" t="s">
        <v>513</v>
      </c>
      <c r="AI30" s="1"/>
      <c r="AJ30" s="1"/>
      <c r="AK30" s="1" t="s">
        <v>514</v>
      </c>
      <c r="AL30" s="1" t="s">
        <v>514</v>
      </c>
      <c r="AM30" s="1" t="s">
        <v>514</v>
      </c>
      <c r="AN30" s="1" t="s">
        <v>514</v>
      </c>
      <c r="AO30" s="1" t="s">
        <v>514</v>
      </c>
      <c r="AP30" t="s">
        <v>514</v>
      </c>
      <c r="AQ30" s="1" t="s">
        <v>514</v>
      </c>
      <c r="AR30" s="1" t="s">
        <v>514</v>
      </c>
      <c r="AS30" s="1" t="s">
        <v>514</v>
      </c>
      <c r="AT30" s="1" t="s">
        <v>517</v>
      </c>
      <c r="AU30" s="1" t="s">
        <v>513</v>
      </c>
      <c r="AV30" s="1" t="s">
        <v>509</v>
      </c>
      <c r="AW30" s="1" t="s">
        <v>509</v>
      </c>
      <c r="AX30" s="1" t="s">
        <v>514</v>
      </c>
      <c r="AY30" s="1" t="s">
        <v>523</v>
      </c>
      <c r="AZ30" s="1"/>
      <c r="BA30" s="1"/>
      <c r="BB30" s="1"/>
      <c r="BC30" s="1"/>
      <c r="BD30" s="1"/>
      <c r="BE30" t="s">
        <v>511</v>
      </c>
      <c r="BF30" s="1" t="s">
        <v>511</v>
      </c>
      <c r="BG30" s="1">
        <v>8.9999999999999998E-4</v>
      </c>
      <c r="BH30" s="1" t="s">
        <v>512</v>
      </c>
      <c r="BI30" s="1" t="s">
        <v>510</v>
      </c>
      <c r="BJ30" s="1"/>
      <c r="BK30" s="1" t="s">
        <v>513</v>
      </c>
      <c r="BL30" s="1" t="s">
        <v>518</v>
      </c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46597222222222223</v>
      </c>
      <c r="C31" s="1" t="s">
        <v>476</v>
      </c>
      <c r="D31" s="1" t="s">
        <v>51</v>
      </c>
      <c r="E31" s="1" t="s">
        <v>477</v>
      </c>
      <c r="F31" s="1" t="s">
        <v>237</v>
      </c>
      <c r="G31" s="1" t="s">
        <v>238</v>
      </c>
      <c r="J31" s="1" t="s">
        <v>30</v>
      </c>
      <c r="K31" s="1" t="s">
        <v>96</v>
      </c>
      <c r="M31" s="1" t="s">
        <v>111</v>
      </c>
      <c r="N31" s="1" t="s">
        <v>33</v>
      </c>
      <c r="O31" s="1" t="s">
        <v>239</v>
      </c>
      <c r="P31" s="1" t="s">
        <v>35</v>
      </c>
      <c r="Q31" s="1" t="s">
        <v>40</v>
      </c>
      <c r="S31" s="1" t="s">
        <v>126</v>
      </c>
      <c r="U31" s="1">
        <v>8.6999999999999993</v>
      </c>
      <c r="V31" s="3">
        <v>330</v>
      </c>
      <c r="W31" s="1" t="s">
        <v>508</v>
      </c>
      <c r="X31" s="1">
        <v>2.2999999999999998</v>
      </c>
      <c r="Y31" s="1">
        <v>0.11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6</v>
      </c>
      <c r="BC31" s="1">
        <v>1.2</v>
      </c>
      <c r="BD31" s="1">
        <v>1.2</v>
      </c>
      <c r="BF31" s="1"/>
      <c r="BG31" s="1"/>
      <c r="BH31" s="1"/>
      <c r="BI31" s="1"/>
      <c r="BJ31" s="1"/>
      <c r="BK31" s="1"/>
      <c r="BL31" s="1"/>
      <c r="BM31" s="1">
        <v>0.51</v>
      </c>
      <c r="BN31" s="1">
        <v>7.9000000000000001E-2</v>
      </c>
      <c r="BO31" s="1"/>
      <c r="BP31" s="1"/>
      <c r="BQ31" s="1">
        <v>27.72</v>
      </c>
      <c r="BR31" s="1"/>
      <c r="BS31" s="1"/>
      <c r="BT31" s="1">
        <v>1.6</v>
      </c>
      <c r="BU31" s="1"/>
      <c r="BV31" s="1"/>
      <c r="BW31" s="1"/>
      <c r="BX31" s="1"/>
      <c r="BY31" s="1"/>
      <c r="BZ31" s="1"/>
    </row>
    <row r="32" spans="1:78" x14ac:dyDescent="0.15">
      <c r="B32" s="2">
        <v>0.46597222222222223</v>
      </c>
      <c r="C32" s="1" t="s">
        <v>478</v>
      </c>
      <c r="D32" s="1" t="s">
        <v>51</v>
      </c>
      <c r="E32" s="1" t="s">
        <v>477</v>
      </c>
      <c r="G32" s="1" t="s">
        <v>175</v>
      </c>
      <c r="J32" s="1" t="s">
        <v>240</v>
      </c>
      <c r="N32" s="1" t="s">
        <v>33</v>
      </c>
      <c r="P32" s="1" t="s">
        <v>35</v>
      </c>
      <c r="Q32" s="1" t="s">
        <v>36</v>
      </c>
      <c r="S32" s="1" t="s">
        <v>54</v>
      </c>
      <c r="U32" s="1">
        <v>8.9</v>
      </c>
      <c r="V32" s="1"/>
      <c r="W32" s="1"/>
      <c r="X32" s="1">
        <v>0.69</v>
      </c>
      <c r="Y32" s="1">
        <v>6.3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3</v>
      </c>
      <c r="BC32" s="1">
        <v>0.39</v>
      </c>
      <c r="BD32" s="1">
        <v>0.44</v>
      </c>
      <c r="BF32" s="1"/>
      <c r="BG32" s="1"/>
      <c r="BH32" s="1"/>
      <c r="BI32" s="1"/>
      <c r="BJ32" s="1"/>
      <c r="BK32" s="1"/>
      <c r="BL32" s="1"/>
      <c r="BM32" s="1">
        <v>0.09</v>
      </c>
      <c r="BN32" s="1">
        <v>3.9E-2</v>
      </c>
      <c r="BO32" s="1"/>
      <c r="BP32" s="1"/>
      <c r="BQ32" s="1">
        <v>31.82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6597222222222223</v>
      </c>
      <c r="C33" s="1" t="s">
        <v>553</v>
      </c>
      <c r="D33" s="1" t="s">
        <v>51</v>
      </c>
      <c r="E33" s="1" t="s">
        <v>477</v>
      </c>
      <c r="J33" s="1" t="s">
        <v>163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45763888888888887</v>
      </c>
      <c r="C34" s="1" t="s">
        <v>476</v>
      </c>
      <c r="D34" s="1" t="s">
        <v>43</v>
      </c>
      <c r="E34" s="1" t="s">
        <v>477</v>
      </c>
      <c r="F34" s="1" t="s">
        <v>132</v>
      </c>
      <c r="G34" s="1" t="s">
        <v>120</v>
      </c>
      <c r="J34" s="1" t="s">
        <v>30</v>
      </c>
      <c r="K34" s="1" t="s">
        <v>121</v>
      </c>
      <c r="M34" s="1" t="s">
        <v>241</v>
      </c>
      <c r="N34" s="1" t="s">
        <v>33</v>
      </c>
      <c r="O34" s="1" t="s">
        <v>208</v>
      </c>
      <c r="P34" s="1" t="s">
        <v>35</v>
      </c>
      <c r="Q34" s="1" t="s">
        <v>36</v>
      </c>
      <c r="S34" s="1" t="s">
        <v>91</v>
      </c>
      <c r="U34" s="1">
        <v>9.1999999999999993</v>
      </c>
      <c r="V34" s="3">
        <v>7900</v>
      </c>
      <c r="W34" s="1" t="s">
        <v>508</v>
      </c>
      <c r="X34" s="1">
        <v>1</v>
      </c>
      <c r="Y34" s="1">
        <v>8.3000000000000004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3</v>
      </c>
      <c r="BC34" s="1">
        <v>0.62</v>
      </c>
      <c r="BD34" s="1">
        <v>0.67</v>
      </c>
      <c r="BF34" s="1"/>
      <c r="BG34" s="1"/>
      <c r="BH34" s="1"/>
      <c r="BI34" s="1"/>
      <c r="BJ34" s="1"/>
      <c r="BK34" s="1"/>
      <c r="BL34" s="1"/>
      <c r="BM34" s="1">
        <v>0.11</v>
      </c>
      <c r="BN34" s="1">
        <v>5.3999999999999999E-2</v>
      </c>
      <c r="BO34" s="1"/>
      <c r="BP34" s="1"/>
      <c r="BQ34" s="1">
        <v>29.14</v>
      </c>
      <c r="BR34" s="1"/>
      <c r="BS34" s="1"/>
      <c r="BT34" s="1">
        <v>3.4</v>
      </c>
      <c r="BU34" s="1"/>
      <c r="BV34" s="1"/>
      <c r="BW34" s="1"/>
      <c r="BX34" s="1"/>
      <c r="BY34" s="1"/>
      <c r="BZ34" s="1"/>
    </row>
    <row r="35" spans="1:78" x14ac:dyDescent="0.15">
      <c r="B35" s="2">
        <v>0.45763888888888887</v>
      </c>
      <c r="C35" s="1" t="s">
        <v>478</v>
      </c>
      <c r="D35" s="1" t="s">
        <v>43</v>
      </c>
      <c r="E35" s="1" t="s">
        <v>477</v>
      </c>
      <c r="G35" s="1" t="s">
        <v>117</v>
      </c>
      <c r="J35" s="1" t="s">
        <v>217</v>
      </c>
      <c r="N35" s="1" t="s">
        <v>33</v>
      </c>
      <c r="P35" s="1" t="s">
        <v>35</v>
      </c>
      <c r="Q35" s="1" t="s">
        <v>84</v>
      </c>
      <c r="S35" s="1" t="s">
        <v>104</v>
      </c>
      <c r="U35" s="1">
        <v>9.1999999999999993</v>
      </c>
      <c r="V35" s="1"/>
      <c r="W35" s="1"/>
      <c r="X35" s="1">
        <v>0.75</v>
      </c>
      <c r="Y35" s="1">
        <v>5.6000000000000001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2</v>
      </c>
      <c r="BC35" s="1">
        <v>0.44</v>
      </c>
      <c r="BD35" s="1">
        <v>0.49</v>
      </c>
      <c r="BF35" s="1"/>
      <c r="BG35" s="1"/>
      <c r="BH35" s="1"/>
      <c r="BI35" s="1"/>
      <c r="BJ35" s="1"/>
      <c r="BK35" s="1"/>
      <c r="BL35" s="1"/>
      <c r="BM35" s="1">
        <v>0.06</v>
      </c>
      <c r="BN35" s="1">
        <v>3.1E-2</v>
      </c>
      <c r="BO35" s="1"/>
      <c r="BP35" s="1"/>
      <c r="BQ35" s="1">
        <v>30.95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5763888888888887</v>
      </c>
      <c r="C36" s="1" t="s">
        <v>553</v>
      </c>
      <c r="D36" s="1" t="s">
        <v>43</v>
      </c>
      <c r="E36" s="1" t="s">
        <v>477</v>
      </c>
      <c r="J36" s="1" t="s">
        <v>49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1" spans="21:21" x14ac:dyDescent="0.15">
      <c r="U1481" s="1"/>
    </row>
    <row r="1482" spans="21:21" x14ac:dyDescent="0.15">
      <c r="U1482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3" spans="21:21" x14ac:dyDescent="0.15">
      <c r="U1493" s="1"/>
    </row>
    <row r="1494" spans="21:21" x14ac:dyDescent="0.15">
      <c r="U1494" s="1"/>
    </row>
    <row r="1495" spans="21:21" x14ac:dyDescent="0.15">
      <c r="U1495" s="1"/>
    </row>
    <row r="1496" spans="21:21" x14ac:dyDescent="0.15">
      <c r="U1496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0" spans="21:21" x14ac:dyDescent="0.15">
      <c r="U1500" s="1"/>
    </row>
    <row r="1501" spans="21:21" x14ac:dyDescent="0.15">
      <c r="U1501" s="1"/>
    </row>
    <row r="1502" spans="21:21" x14ac:dyDescent="0.15">
      <c r="U1502" s="1"/>
    </row>
    <row r="1503" spans="21:21" x14ac:dyDescent="0.15">
      <c r="U1503" s="1"/>
    </row>
    <row r="1504" spans="21:21" x14ac:dyDescent="0.15">
      <c r="U1504" s="1"/>
    </row>
    <row r="1505" spans="21:21" x14ac:dyDescent="0.15">
      <c r="U1505" s="1"/>
    </row>
    <row r="1506" spans="21:21" x14ac:dyDescent="0.15">
      <c r="U1506" s="1"/>
    </row>
    <row r="1507" spans="21:21" x14ac:dyDescent="0.15">
      <c r="U1507" s="1"/>
    </row>
    <row r="1508" spans="21:21" x14ac:dyDescent="0.15">
      <c r="U1508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  <row r="1512" spans="21:21" x14ac:dyDescent="0.15">
      <c r="U1512" s="1"/>
    </row>
    <row r="1513" spans="21:21" x14ac:dyDescent="0.15">
      <c r="U1513" s="1"/>
    </row>
    <row r="1514" spans="21:21" x14ac:dyDescent="0.15">
      <c r="U1514" s="1"/>
    </row>
    <row r="1515" spans="21:21" x14ac:dyDescent="0.15">
      <c r="U1515" s="1"/>
    </row>
    <row r="1516" spans="21:21" x14ac:dyDescent="0.15">
      <c r="U1516" s="1"/>
    </row>
    <row r="1517" spans="21:21" x14ac:dyDescent="0.15">
      <c r="U1517" s="1"/>
    </row>
    <row r="1518" spans="21:21" x14ac:dyDescent="0.15">
      <c r="U1518" s="1"/>
    </row>
    <row r="1519" spans="21:21" x14ac:dyDescent="0.15">
      <c r="U1519" s="1"/>
    </row>
    <row r="1520" spans="21:21" x14ac:dyDescent="0.15">
      <c r="U1520" s="1"/>
    </row>
    <row r="1525" spans="21:21" x14ac:dyDescent="0.15">
      <c r="U1525" s="1"/>
    </row>
    <row r="1526" spans="21:21" x14ac:dyDescent="0.15">
      <c r="U1526" s="1"/>
    </row>
    <row r="1527" spans="21:21" x14ac:dyDescent="0.15">
      <c r="U1527" s="1"/>
    </row>
    <row r="1528" spans="21:21" x14ac:dyDescent="0.15">
      <c r="U1528" s="1"/>
    </row>
    <row r="1529" spans="21:21" x14ac:dyDescent="0.15">
      <c r="U1529" s="1"/>
    </row>
    <row r="1530" spans="21:21" x14ac:dyDescent="0.15">
      <c r="U1530" s="1"/>
    </row>
    <row r="1531" spans="21:21" x14ac:dyDescent="0.15">
      <c r="U1531" s="1"/>
    </row>
    <row r="1532" spans="21:21" x14ac:dyDescent="0.15">
      <c r="U1532" s="1"/>
    </row>
    <row r="1533" spans="21:21" x14ac:dyDescent="0.15">
      <c r="U1533" s="1"/>
    </row>
    <row r="1534" spans="21:21" x14ac:dyDescent="0.15">
      <c r="U1534" s="1"/>
    </row>
    <row r="1535" spans="21:21" x14ac:dyDescent="0.15">
      <c r="U1535" s="1"/>
    </row>
    <row r="1536" spans="21:21" x14ac:dyDescent="0.15">
      <c r="U1536" s="1"/>
    </row>
    <row r="1537" spans="21:21" x14ac:dyDescent="0.15">
      <c r="U1537" s="1"/>
    </row>
    <row r="1538" spans="21:21" x14ac:dyDescent="0.15">
      <c r="U1538" s="1"/>
    </row>
    <row r="1539" spans="21:21" x14ac:dyDescent="0.15">
      <c r="U1539" s="1"/>
    </row>
    <row r="1540" spans="21:21" x14ac:dyDescent="0.15">
      <c r="U1540" s="1"/>
    </row>
    <row r="1541" spans="21:21" x14ac:dyDescent="0.15">
      <c r="U1541" s="1"/>
    </row>
    <row r="1542" spans="21:21" x14ac:dyDescent="0.15">
      <c r="U1542" s="1"/>
    </row>
    <row r="1543" spans="21:21" x14ac:dyDescent="0.15">
      <c r="U1543" s="1"/>
    </row>
    <row r="1544" spans="21:21" x14ac:dyDescent="0.15">
      <c r="U1544" s="1"/>
    </row>
    <row r="1545" spans="21:21" x14ac:dyDescent="0.15">
      <c r="U1545" s="1"/>
    </row>
    <row r="1546" spans="21:21" x14ac:dyDescent="0.15">
      <c r="U1546" s="1"/>
    </row>
    <row r="1547" spans="21:21" x14ac:dyDescent="0.15">
      <c r="U1547" s="1"/>
    </row>
    <row r="1548" spans="21:21" x14ac:dyDescent="0.15">
      <c r="U1548" s="1"/>
    </row>
    <row r="1549" spans="21:21" x14ac:dyDescent="0.15">
      <c r="U1549" s="1"/>
    </row>
    <row r="1550" spans="21:21" x14ac:dyDescent="0.15">
      <c r="U1550" s="1"/>
    </row>
    <row r="1551" spans="21:21" x14ac:dyDescent="0.15">
      <c r="U1551" s="1"/>
    </row>
    <row r="1552" spans="21:21" x14ac:dyDescent="0.15">
      <c r="U1552" s="1"/>
    </row>
    <row r="1553" spans="21:21" x14ac:dyDescent="0.15">
      <c r="U1553" s="1"/>
    </row>
    <row r="1554" spans="21:21" x14ac:dyDescent="0.15">
      <c r="U1554" s="1"/>
    </row>
    <row r="1555" spans="21:21" x14ac:dyDescent="0.15">
      <c r="U1555" s="1"/>
    </row>
    <row r="1556" spans="21:21" x14ac:dyDescent="0.15">
      <c r="U1556" s="1"/>
    </row>
    <row r="1557" spans="21:21" x14ac:dyDescent="0.15">
      <c r="U1557" s="1"/>
    </row>
    <row r="1558" spans="21:21" x14ac:dyDescent="0.15">
      <c r="U1558" s="1"/>
    </row>
    <row r="1563" spans="21:21" x14ac:dyDescent="0.15">
      <c r="U1563" s="1"/>
    </row>
    <row r="1564" spans="21:21" x14ac:dyDescent="0.15">
      <c r="U1564" s="1"/>
    </row>
    <row r="1565" spans="21:21" x14ac:dyDescent="0.15">
      <c r="U1565" s="1"/>
    </row>
    <row r="1566" spans="21:21" x14ac:dyDescent="0.15">
      <c r="U1566" s="1"/>
    </row>
    <row r="1567" spans="21:21" x14ac:dyDescent="0.15">
      <c r="U1567" s="1"/>
    </row>
    <row r="1568" spans="21:21" x14ac:dyDescent="0.15">
      <c r="U1568" s="1"/>
    </row>
    <row r="1569" spans="21:21" x14ac:dyDescent="0.15">
      <c r="U1569" s="1"/>
    </row>
    <row r="1570" spans="21:21" x14ac:dyDescent="0.15">
      <c r="U1570" s="1"/>
    </row>
    <row r="1571" spans="21:21" x14ac:dyDescent="0.15">
      <c r="U1571" s="1"/>
    </row>
    <row r="1572" spans="21:21" x14ac:dyDescent="0.15">
      <c r="U1572" s="1"/>
    </row>
    <row r="1573" spans="21:21" x14ac:dyDescent="0.15">
      <c r="U1573" s="1"/>
    </row>
    <row r="1574" spans="21:21" x14ac:dyDescent="0.15">
      <c r="U1574" s="1"/>
    </row>
    <row r="1575" spans="21:21" x14ac:dyDescent="0.15">
      <c r="U1575" s="1"/>
    </row>
    <row r="1576" spans="21:21" x14ac:dyDescent="0.15">
      <c r="U1576" s="1"/>
    </row>
    <row r="1577" spans="21:21" x14ac:dyDescent="0.15">
      <c r="U1577" s="1"/>
    </row>
    <row r="1578" spans="21:21" x14ac:dyDescent="0.15">
      <c r="U1578" s="1"/>
    </row>
    <row r="1579" spans="21:21" x14ac:dyDescent="0.15">
      <c r="U1579" s="1"/>
    </row>
    <row r="1580" spans="21:21" x14ac:dyDescent="0.15">
      <c r="U1580" s="1"/>
    </row>
    <row r="1581" spans="21:21" x14ac:dyDescent="0.15">
      <c r="U1581" s="1"/>
    </row>
    <row r="1582" spans="21:21" x14ac:dyDescent="0.15">
      <c r="U1582" s="1"/>
    </row>
    <row r="1583" spans="21:21" x14ac:dyDescent="0.15">
      <c r="U1583" s="1"/>
    </row>
    <row r="1584" spans="21:21" x14ac:dyDescent="0.15">
      <c r="U1584" s="1"/>
    </row>
    <row r="1585" spans="21:21" x14ac:dyDescent="0.15">
      <c r="U1585" s="1"/>
    </row>
    <row r="1586" spans="21:21" x14ac:dyDescent="0.15">
      <c r="U1586" s="1"/>
    </row>
    <row r="1587" spans="21:21" x14ac:dyDescent="0.15">
      <c r="U1587" s="1"/>
    </row>
    <row r="1588" spans="21:21" x14ac:dyDescent="0.15">
      <c r="U1588" s="1"/>
    </row>
    <row r="1589" spans="21:21" x14ac:dyDescent="0.15">
      <c r="U1589" s="1"/>
    </row>
    <row r="1590" spans="21:21" x14ac:dyDescent="0.15">
      <c r="U1590" s="1"/>
    </row>
    <row r="1591" spans="21:21" x14ac:dyDescent="0.15">
      <c r="U1591" s="1"/>
    </row>
    <row r="1592" spans="21:21" x14ac:dyDescent="0.15">
      <c r="U1592" s="1"/>
    </row>
    <row r="1593" spans="21:21" x14ac:dyDescent="0.15">
      <c r="U1593" s="1"/>
    </row>
    <row r="1594" spans="21:21" x14ac:dyDescent="0.15">
      <c r="U1594" s="1"/>
    </row>
    <row r="1595" spans="21:21" x14ac:dyDescent="0.15">
      <c r="U1595" s="1"/>
    </row>
    <row r="1596" spans="21:21" x14ac:dyDescent="0.15">
      <c r="U1596" s="1"/>
    </row>
    <row r="1601" spans="21:21" x14ac:dyDescent="0.15">
      <c r="U1601" s="1"/>
    </row>
    <row r="1602" spans="21:21" x14ac:dyDescent="0.15">
      <c r="U1602" s="1"/>
    </row>
    <row r="1603" spans="21:21" x14ac:dyDescent="0.15">
      <c r="U1603" s="1"/>
    </row>
    <row r="1604" spans="21:21" x14ac:dyDescent="0.15">
      <c r="U1604" s="1"/>
    </row>
    <row r="1605" spans="21:21" x14ac:dyDescent="0.15">
      <c r="U1605" s="1"/>
    </row>
    <row r="1606" spans="21:21" x14ac:dyDescent="0.15">
      <c r="U1606" s="1"/>
    </row>
    <row r="1607" spans="21:21" x14ac:dyDescent="0.15">
      <c r="U1607" s="1"/>
    </row>
    <row r="1608" spans="21:21" x14ac:dyDescent="0.15">
      <c r="U1608" s="1"/>
    </row>
    <row r="1609" spans="21:21" x14ac:dyDescent="0.15">
      <c r="U1609" s="1"/>
    </row>
    <row r="1610" spans="21:21" x14ac:dyDescent="0.15">
      <c r="U1610" s="1"/>
    </row>
    <row r="1611" spans="21:21" x14ac:dyDescent="0.15">
      <c r="U1611" s="1"/>
    </row>
    <row r="1612" spans="21:21" x14ac:dyDescent="0.15">
      <c r="U1612" s="1"/>
    </row>
    <row r="1613" spans="21:21" x14ac:dyDescent="0.15">
      <c r="U1613" s="1"/>
    </row>
    <row r="1614" spans="21:21" x14ac:dyDescent="0.15">
      <c r="U1614" s="1"/>
    </row>
    <row r="1615" spans="21:21" x14ac:dyDescent="0.15">
      <c r="U1615" s="1"/>
    </row>
    <row r="1616" spans="21:21" x14ac:dyDescent="0.15">
      <c r="U1616" s="1"/>
    </row>
    <row r="1617" spans="21:21" x14ac:dyDescent="0.15">
      <c r="U1617" s="1"/>
    </row>
    <row r="1618" spans="21:21" x14ac:dyDescent="0.15">
      <c r="U1618" s="1"/>
    </row>
    <row r="1619" spans="21:21" x14ac:dyDescent="0.15">
      <c r="U1619" s="1"/>
    </row>
    <row r="1620" spans="21:21" x14ac:dyDescent="0.15">
      <c r="U1620" s="1"/>
    </row>
    <row r="1621" spans="21:21" x14ac:dyDescent="0.15">
      <c r="U1621" s="1"/>
    </row>
    <row r="1622" spans="21:21" x14ac:dyDescent="0.15">
      <c r="U1622" s="1"/>
    </row>
    <row r="1623" spans="21:21" x14ac:dyDescent="0.15">
      <c r="U1623" s="1"/>
    </row>
    <row r="1624" spans="21:21" x14ac:dyDescent="0.15">
      <c r="U1624" s="1"/>
    </row>
    <row r="1625" spans="21:21" x14ac:dyDescent="0.15">
      <c r="U1625" s="1"/>
    </row>
    <row r="1626" spans="21:21" x14ac:dyDescent="0.15">
      <c r="U1626" s="1"/>
    </row>
    <row r="1627" spans="21:21" x14ac:dyDescent="0.15">
      <c r="U1627" s="1"/>
    </row>
    <row r="1628" spans="21:21" x14ac:dyDescent="0.15">
      <c r="U1628" s="1"/>
    </row>
    <row r="1629" spans="21:21" x14ac:dyDescent="0.15">
      <c r="U1629" s="1"/>
    </row>
    <row r="1630" spans="21:21" x14ac:dyDescent="0.15">
      <c r="U1630" s="1"/>
    </row>
    <row r="1631" spans="21:21" x14ac:dyDescent="0.15">
      <c r="U1631" s="1"/>
    </row>
    <row r="1632" spans="21:21" x14ac:dyDescent="0.15">
      <c r="U1632" s="1"/>
    </row>
    <row r="1633" spans="21:21" x14ac:dyDescent="0.15">
      <c r="U1633" s="1"/>
    </row>
    <row r="1634" spans="21:21" x14ac:dyDescent="0.15">
      <c r="U1634" s="1"/>
    </row>
    <row r="1639" spans="21:21" x14ac:dyDescent="0.15">
      <c r="U1639" s="1"/>
    </row>
    <row r="1640" spans="21:21" x14ac:dyDescent="0.15">
      <c r="U1640" s="1"/>
    </row>
    <row r="1641" spans="21:21" x14ac:dyDescent="0.15">
      <c r="U1641" s="1"/>
    </row>
    <row r="1642" spans="21:21" x14ac:dyDescent="0.15">
      <c r="U1642" s="1"/>
    </row>
    <row r="1643" spans="21:21" x14ac:dyDescent="0.15">
      <c r="U1643" s="1"/>
    </row>
    <row r="1644" spans="21:21" x14ac:dyDescent="0.15">
      <c r="U1644" s="1"/>
    </row>
    <row r="1645" spans="21:21" x14ac:dyDescent="0.15">
      <c r="U1645" s="1"/>
    </row>
    <row r="1646" spans="21:21" x14ac:dyDescent="0.15">
      <c r="U1646" s="1"/>
    </row>
    <row r="1647" spans="21:21" x14ac:dyDescent="0.15">
      <c r="U1647" s="1"/>
    </row>
    <row r="1648" spans="21:21" x14ac:dyDescent="0.15">
      <c r="U1648" s="1"/>
    </row>
    <row r="1649" spans="21:21" x14ac:dyDescent="0.15">
      <c r="U1649" s="1"/>
    </row>
    <row r="1650" spans="21:21" x14ac:dyDescent="0.15">
      <c r="U1650" s="1"/>
    </row>
    <row r="1651" spans="21:21" x14ac:dyDescent="0.15">
      <c r="U1651" s="1"/>
    </row>
    <row r="1652" spans="21:21" x14ac:dyDescent="0.15">
      <c r="U1652" s="1"/>
    </row>
    <row r="1653" spans="21:21" x14ac:dyDescent="0.15">
      <c r="U1653" s="1"/>
    </row>
    <row r="1654" spans="21:21" x14ac:dyDescent="0.15">
      <c r="U1654" s="1"/>
    </row>
    <row r="1655" spans="21:21" x14ac:dyDescent="0.15">
      <c r="U1655" s="1"/>
    </row>
    <row r="1656" spans="21:21" x14ac:dyDescent="0.15">
      <c r="U1656" s="1"/>
    </row>
    <row r="1657" spans="21:21" x14ac:dyDescent="0.15">
      <c r="U1657" s="1"/>
    </row>
    <row r="1658" spans="21:21" x14ac:dyDescent="0.15">
      <c r="U1658" s="1"/>
    </row>
    <row r="1659" spans="21:21" x14ac:dyDescent="0.15">
      <c r="U1659" s="1"/>
    </row>
    <row r="1660" spans="21:21" x14ac:dyDescent="0.15">
      <c r="U1660" s="1"/>
    </row>
    <row r="1661" spans="21:21" x14ac:dyDescent="0.15">
      <c r="U1661" s="1"/>
    </row>
    <row r="1662" spans="21:21" x14ac:dyDescent="0.15">
      <c r="U1662" s="1"/>
    </row>
    <row r="1663" spans="21:21" x14ac:dyDescent="0.15">
      <c r="U1663" s="1"/>
    </row>
    <row r="1664" spans="21:21" x14ac:dyDescent="0.15">
      <c r="U1664" s="1"/>
    </row>
    <row r="1665" spans="21:21" x14ac:dyDescent="0.15">
      <c r="U1665" s="1"/>
    </row>
    <row r="1666" spans="21:21" x14ac:dyDescent="0.15">
      <c r="U1666" s="1"/>
    </row>
    <row r="1667" spans="21:21" x14ac:dyDescent="0.15">
      <c r="U1667" s="1"/>
    </row>
    <row r="1668" spans="21:21" x14ac:dyDescent="0.15">
      <c r="U1668" s="1"/>
    </row>
    <row r="1669" spans="21:21" x14ac:dyDescent="0.15">
      <c r="U1669" s="1"/>
    </row>
    <row r="1670" spans="21:21" x14ac:dyDescent="0.15">
      <c r="U1670" s="1"/>
    </row>
    <row r="1671" spans="21:21" x14ac:dyDescent="0.15">
      <c r="U1671" s="1"/>
    </row>
    <row r="1672" spans="21:21" x14ac:dyDescent="0.15">
      <c r="U1672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4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83</v>
      </c>
      <c r="E1" s="1" t="s">
        <v>2</v>
      </c>
      <c r="F1" s="1" t="s">
        <v>467</v>
      </c>
      <c r="G1" s="1" t="s">
        <v>3</v>
      </c>
      <c r="H1" s="1" t="s">
        <v>48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47986111111111113</v>
      </c>
      <c r="C4" s="1" t="s">
        <v>476</v>
      </c>
      <c r="D4" s="1" t="s">
        <v>27</v>
      </c>
      <c r="E4" s="1" t="s">
        <v>477</v>
      </c>
      <c r="F4" s="1" t="s">
        <v>29</v>
      </c>
      <c r="G4" s="1" t="s">
        <v>242</v>
      </c>
      <c r="J4" s="1" t="s">
        <v>30</v>
      </c>
      <c r="K4" s="1" t="s">
        <v>176</v>
      </c>
      <c r="M4" s="1" t="s">
        <v>41</v>
      </c>
      <c r="N4" s="1" t="s">
        <v>33</v>
      </c>
      <c r="O4" s="1" t="s">
        <v>157</v>
      </c>
      <c r="P4" s="1" t="s">
        <v>35</v>
      </c>
      <c r="Q4" s="1" t="s">
        <v>84</v>
      </c>
      <c r="S4" s="1" t="s">
        <v>49</v>
      </c>
      <c r="U4" s="1">
        <v>10.5</v>
      </c>
      <c r="V4" s="3">
        <v>5</v>
      </c>
      <c r="W4" s="1" t="s">
        <v>508</v>
      </c>
      <c r="X4" s="1">
        <v>0.65</v>
      </c>
      <c r="Y4" s="1">
        <v>5.5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0.33</v>
      </c>
      <c r="BD4" s="1">
        <v>0.38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2.8000000000000001E-2</v>
      </c>
      <c r="BO4" s="1"/>
      <c r="BP4" s="1"/>
      <c r="BQ4" s="1">
        <v>30.65</v>
      </c>
      <c r="BR4" s="1"/>
      <c r="BS4" s="1"/>
      <c r="BT4" s="1">
        <v>20</v>
      </c>
      <c r="BU4" s="1"/>
      <c r="BV4" s="1"/>
      <c r="BW4" s="1"/>
      <c r="BX4" s="1"/>
      <c r="BY4" s="1"/>
      <c r="BZ4" s="1"/>
    </row>
    <row r="5" spans="1:78" x14ac:dyDescent="0.15">
      <c r="B5" s="2">
        <v>0.47986111111111113</v>
      </c>
      <c r="C5" s="1" t="s">
        <v>478</v>
      </c>
      <c r="D5" s="1" t="s">
        <v>27</v>
      </c>
      <c r="E5" s="1" t="s">
        <v>477</v>
      </c>
      <c r="G5" s="1" t="s">
        <v>177</v>
      </c>
      <c r="J5" s="1" t="s">
        <v>243</v>
      </c>
      <c r="N5" s="1" t="s">
        <v>33</v>
      </c>
      <c r="P5" s="1" t="s">
        <v>35</v>
      </c>
      <c r="Q5" s="1" t="s">
        <v>36</v>
      </c>
      <c r="S5" s="1" t="s">
        <v>137</v>
      </c>
      <c r="U5" s="1">
        <v>8.1</v>
      </c>
      <c r="V5" s="1"/>
      <c r="W5" s="1"/>
      <c r="X5" s="1">
        <v>0.61</v>
      </c>
      <c r="Y5" s="1">
        <v>6.5000000000000002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28000000000000003</v>
      </c>
      <c r="BD5" s="1">
        <v>0.33</v>
      </c>
      <c r="BE5" s="1"/>
      <c r="BF5" s="1"/>
      <c r="BG5" s="1"/>
      <c r="BH5" s="1"/>
      <c r="BI5" s="1"/>
      <c r="BJ5" s="1"/>
      <c r="BK5" s="1"/>
      <c r="BL5" s="1"/>
      <c r="BM5" s="1">
        <v>0.08</v>
      </c>
      <c r="BN5" s="1">
        <v>3.6999999999999998E-2</v>
      </c>
      <c r="BO5" s="1"/>
      <c r="BP5" s="1"/>
      <c r="BQ5" s="1">
        <v>31.31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51250000000000007</v>
      </c>
      <c r="C6" s="1" t="s">
        <v>476</v>
      </c>
      <c r="D6" s="1" t="s">
        <v>51</v>
      </c>
      <c r="E6" s="1" t="s">
        <v>44</v>
      </c>
      <c r="F6" s="1" t="s">
        <v>206</v>
      </c>
      <c r="G6" s="1" t="s">
        <v>242</v>
      </c>
      <c r="J6" s="1" t="s">
        <v>30</v>
      </c>
      <c r="K6" s="1" t="s">
        <v>244</v>
      </c>
      <c r="M6" s="1" t="s">
        <v>32</v>
      </c>
      <c r="N6" s="1" t="s">
        <v>33</v>
      </c>
      <c r="O6" s="1" t="s">
        <v>157</v>
      </c>
      <c r="P6" s="1" t="s">
        <v>35</v>
      </c>
      <c r="Q6" s="1" t="s">
        <v>36</v>
      </c>
      <c r="S6" s="1" t="s">
        <v>37</v>
      </c>
      <c r="U6" s="1">
        <v>7.7</v>
      </c>
      <c r="V6" s="3">
        <v>3300</v>
      </c>
      <c r="W6" s="1" t="s">
        <v>508</v>
      </c>
      <c r="X6" s="1">
        <v>1.1000000000000001</v>
      </c>
      <c r="Y6" s="1">
        <v>0.1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3</v>
      </c>
      <c r="BC6" s="1">
        <v>0.55000000000000004</v>
      </c>
      <c r="BD6" s="1">
        <v>0.6</v>
      </c>
      <c r="BE6" s="1"/>
      <c r="BF6" s="1"/>
      <c r="BG6" s="1"/>
      <c r="BH6" s="1"/>
      <c r="BI6" s="1"/>
      <c r="BJ6" s="1"/>
      <c r="BK6" s="1"/>
      <c r="BL6" s="1"/>
      <c r="BM6" s="1">
        <v>0.18</v>
      </c>
      <c r="BN6" s="1">
        <v>6.0999999999999999E-2</v>
      </c>
      <c r="BO6" s="1"/>
      <c r="BP6" s="1"/>
      <c r="BQ6" s="1">
        <v>23.63</v>
      </c>
      <c r="BR6" s="1"/>
      <c r="BS6" s="1"/>
      <c r="BT6" s="1">
        <v>3.8</v>
      </c>
      <c r="BU6" s="1"/>
      <c r="BV6" s="1"/>
      <c r="BW6" s="1"/>
      <c r="BX6" s="1"/>
      <c r="BY6" s="1"/>
      <c r="BZ6" s="1"/>
    </row>
    <row r="7" spans="1:78" x14ac:dyDescent="0.15">
      <c r="B7" s="2">
        <v>0.51250000000000007</v>
      </c>
      <c r="C7" s="1" t="s">
        <v>478</v>
      </c>
      <c r="D7" s="1" t="s">
        <v>51</v>
      </c>
      <c r="E7" s="1" t="s">
        <v>44</v>
      </c>
      <c r="G7" s="1" t="s">
        <v>112</v>
      </c>
      <c r="J7" s="1" t="s">
        <v>245</v>
      </c>
      <c r="N7" s="1" t="s">
        <v>33</v>
      </c>
      <c r="P7" s="1" t="s">
        <v>35</v>
      </c>
      <c r="Q7" s="1" t="s">
        <v>84</v>
      </c>
      <c r="S7" s="1" t="s">
        <v>163</v>
      </c>
      <c r="U7" s="1">
        <v>6.9</v>
      </c>
      <c r="V7" s="1"/>
      <c r="W7" s="1"/>
      <c r="X7" s="1">
        <v>0.82</v>
      </c>
      <c r="Y7" s="1">
        <v>5.8999999999999997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2</v>
      </c>
      <c r="BC7" s="1">
        <v>0.36</v>
      </c>
      <c r="BD7" s="1">
        <v>0.41</v>
      </c>
      <c r="BE7" s="1"/>
      <c r="BF7" s="1"/>
      <c r="BG7" s="1"/>
      <c r="BH7" s="1"/>
      <c r="BI7" s="1"/>
      <c r="BJ7" s="1"/>
      <c r="BK7" s="1"/>
      <c r="BL7" s="1"/>
      <c r="BM7" s="1">
        <v>0.15</v>
      </c>
      <c r="BN7" s="1">
        <v>3.6999999999999998E-2</v>
      </c>
      <c r="BO7" s="1"/>
      <c r="BP7" s="1"/>
      <c r="BQ7" s="1">
        <v>28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46736111111111112</v>
      </c>
      <c r="C8" s="1" t="s">
        <v>476</v>
      </c>
      <c r="D8" s="1" t="s">
        <v>51</v>
      </c>
      <c r="E8" s="1" t="s">
        <v>477</v>
      </c>
      <c r="F8" s="1" t="s">
        <v>165</v>
      </c>
      <c r="G8" s="1" t="s">
        <v>145</v>
      </c>
      <c r="J8" s="1" t="s">
        <v>30</v>
      </c>
      <c r="K8" s="1" t="s">
        <v>129</v>
      </c>
      <c r="M8" s="1" t="s">
        <v>149</v>
      </c>
      <c r="N8" s="1" t="s">
        <v>33</v>
      </c>
      <c r="O8" s="1" t="s">
        <v>157</v>
      </c>
      <c r="P8" s="1" t="s">
        <v>35</v>
      </c>
      <c r="Q8" s="1" t="s">
        <v>174</v>
      </c>
      <c r="S8" s="1" t="s">
        <v>246</v>
      </c>
      <c r="U8" s="1">
        <v>11.4</v>
      </c>
      <c r="V8" s="3">
        <v>5</v>
      </c>
      <c r="W8" s="1" t="s">
        <v>508</v>
      </c>
      <c r="X8" s="1">
        <v>0.78</v>
      </c>
      <c r="Y8" s="1">
        <v>7.5999999999999998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2</v>
      </c>
      <c r="BD8" s="1">
        <v>0.25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>
        <v>8.0000000000000002E-3</v>
      </c>
      <c r="BO8" s="1"/>
      <c r="BP8" s="1"/>
      <c r="BQ8" s="1">
        <v>28.33</v>
      </c>
      <c r="BR8" s="1"/>
      <c r="BS8" s="1"/>
      <c r="BT8" s="1">
        <v>30</v>
      </c>
      <c r="BU8" s="1"/>
      <c r="BV8" s="1"/>
      <c r="BW8" s="1"/>
      <c r="BX8" s="1"/>
      <c r="BY8" s="1"/>
      <c r="BZ8" s="1"/>
    </row>
    <row r="9" spans="1:78" x14ac:dyDescent="0.15">
      <c r="B9" s="2">
        <v>0.46736111111111112</v>
      </c>
      <c r="C9" s="1" t="s">
        <v>478</v>
      </c>
      <c r="D9" s="1" t="s">
        <v>51</v>
      </c>
      <c r="E9" s="1" t="s">
        <v>477</v>
      </c>
      <c r="G9" s="1" t="s">
        <v>165</v>
      </c>
      <c r="J9" s="1" t="s">
        <v>209</v>
      </c>
      <c r="N9" s="1" t="s">
        <v>33</v>
      </c>
      <c r="P9" s="1" t="s">
        <v>35</v>
      </c>
      <c r="Q9" s="1" t="s">
        <v>40</v>
      </c>
      <c r="S9" s="1" t="s">
        <v>41</v>
      </c>
      <c r="U9" s="1">
        <v>3.5</v>
      </c>
      <c r="V9" s="1"/>
      <c r="W9" s="1"/>
      <c r="X9" s="1">
        <v>0.5</v>
      </c>
      <c r="Y9" s="1">
        <v>9.6000000000000002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0.08</v>
      </c>
      <c r="BD9" s="1">
        <v>0.13</v>
      </c>
      <c r="BE9" s="1"/>
      <c r="BF9" s="1"/>
      <c r="BG9" s="1"/>
      <c r="BH9" s="1"/>
      <c r="BI9" s="1"/>
      <c r="BJ9" s="1"/>
      <c r="BK9" s="1"/>
      <c r="BL9" s="1"/>
      <c r="BM9" s="1">
        <v>0.22</v>
      </c>
      <c r="BN9" s="1">
        <v>7.1999999999999995E-2</v>
      </c>
      <c r="BO9" s="1"/>
      <c r="BP9" s="1"/>
      <c r="BQ9" s="1">
        <v>32.1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50555555555555554</v>
      </c>
      <c r="C10" s="1" t="s">
        <v>476</v>
      </c>
      <c r="D10" s="1" t="s">
        <v>27</v>
      </c>
      <c r="E10" s="1" t="s">
        <v>477</v>
      </c>
      <c r="F10" s="1" t="s">
        <v>247</v>
      </c>
      <c r="G10" s="1" t="s">
        <v>227</v>
      </c>
      <c r="J10" s="1" t="s">
        <v>30</v>
      </c>
      <c r="K10" s="1" t="s">
        <v>248</v>
      </c>
      <c r="M10" s="1" t="s">
        <v>62</v>
      </c>
      <c r="N10" s="1" t="s">
        <v>74</v>
      </c>
      <c r="O10" s="1" t="s">
        <v>226</v>
      </c>
      <c r="P10" s="1" t="s">
        <v>35</v>
      </c>
      <c r="Q10" s="1" t="s">
        <v>146</v>
      </c>
      <c r="S10" s="1" t="s">
        <v>204</v>
      </c>
      <c r="U10" s="1">
        <v>16.3</v>
      </c>
      <c r="V10" s="3">
        <v>5</v>
      </c>
      <c r="W10" s="1" t="s">
        <v>508</v>
      </c>
      <c r="X10" s="1">
        <v>0.53</v>
      </c>
      <c r="Y10" s="1">
        <v>7.0000000000000007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2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1E-3</v>
      </c>
      <c r="BO10" s="1"/>
      <c r="BP10" s="1"/>
      <c r="BQ10" s="1">
        <v>28.36</v>
      </c>
      <c r="BR10" s="1" t="s">
        <v>531</v>
      </c>
      <c r="BS10" s="1" t="s">
        <v>511</v>
      </c>
      <c r="BT10" s="1">
        <v>98</v>
      </c>
      <c r="BU10" s="1"/>
      <c r="BV10" s="1"/>
      <c r="BW10" s="1"/>
      <c r="BX10" s="1"/>
      <c r="BY10" s="1"/>
      <c r="BZ10" s="1"/>
    </row>
    <row r="11" spans="1:78" x14ac:dyDescent="0.15">
      <c r="B11" s="2">
        <v>0.50555555555555554</v>
      </c>
      <c r="C11" s="1" t="s">
        <v>478</v>
      </c>
      <c r="D11" s="1" t="s">
        <v>27</v>
      </c>
      <c r="E11" s="1" t="s">
        <v>477</v>
      </c>
      <c r="G11" s="1" t="s">
        <v>249</v>
      </c>
      <c r="J11" s="1" t="s">
        <v>250</v>
      </c>
      <c r="N11" s="1" t="s">
        <v>74</v>
      </c>
      <c r="P11" s="1" t="s">
        <v>35</v>
      </c>
      <c r="Q11" s="1" t="s">
        <v>40</v>
      </c>
      <c r="S11" s="1" t="s">
        <v>137</v>
      </c>
      <c r="U11" s="1">
        <v>4</v>
      </c>
      <c r="V11" s="1"/>
      <c r="W11" s="1"/>
      <c r="X11" s="1">
        <v>0.59</v>
      </c>
      <c r="Y11" s="1">
        <v>8.3000000000000004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1</v>
      </c>
      <c r="BD11" s="1">
        <v>0.15</v>
      </c>
      <c r="BE11" s="1"/>
      <c r="BF11" s="1"/>
      <c r="BG11" s="1"/>
      <c r="BH11" s="1"/>
      <c r="BI11" s="1"/>
      <c r="BJ11" s="1"/>
      <c r="BK11" s="1"/>
      <c r="BL11" s="1"/>
      <c r="BM11" s="1">
        <v>0.24</v>
      </c>
      <c r="BN11" s="1">
        <v>0.06</v>
      </c>
      <c r="BO11" s="1"/>
      <c r="BP11" s="1"/>
      <c r="BQ11" s="1">
        <v>30.69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50555555555555554</v>
      </c>
      <c r="C12" s="1" t="s">
        <v>553</v>
      </c>
      <c r="D12" s="1" t="s">
        <v>27</v>
      </c>
      <c r="E12" s="1" t="s">
        <v>477</v>
      </c>
      <c r="J12" s="1" t="s">
        <v>179</v>
      </c>
      <c r="N12" s="1" t="s">
        <v>74</v>
      </c>
      <c r="U12" s="1"/>
      <c r="V12" s="1"/>
      <c r="W12" s="1"/>
      <c r="X12" s="1"/>
      <c r="Y12" s="1"/>
      <c r="Z12" s="1"/>
      <c r="AA12" s="1"/>
      <c r="AB12" s="1"/>
      <c r="AC12" s="1" t="s">
        <v>509</v>
      </c>
      <c r="AD12" s="1" t="s">
        <v>510</v>
      </c>
      <c r="AE12" s="1">
        <v>6.9999999999999999E-4</v>
      </c>
      <c r="AF12" s="1" t="s">
        <v>512</v>
      </c>
      <c r="AG12" s="1" t="s">
        <v>511</v>
      </c>
      <c r="AH12" s="1" t="s">
        <v>513</v>
      </c>
      <c r="AI12" s="1"/>
      <c r="AJ12" s="1" t="s">
        <v>513</v>
      </c>
      <c r="AK12" s="1" t="s">
        <v>514</v>
      </c>
      <c r="AL12" s="1" t="s">
        <v>514</v>
      </c>
      <c r="AM12" s="1" t="s">
        <v>514</v>
      </c>
      <c r="AN12" s="1" t="s">
        <v>514</v>
      </c>
      <c r="AO12" s="1" t="s">
        <v>514</v>
      </c>
      <c r="AP12" t="s">
        <v>514</v>
      </c>
      <c r="AQ12" s="1" t="s">
        <v>514</v>
      </c>
      <c r="AR12" s="1" t="s">
        <v>514</v>
      </c>
      <c r="AS12" s="1" t="s">
        <v>514</v>
      </c>
      <c r="AT12" s="1" t="s">
        <v>517</v>
      </c>
      <c r="AU12" s="1" t="s">
        <v>513</v>
      </c>
      <c r="AV12" s="1" t="s">
        <v>509</v>
      </c>
      <c r="AW12" s="1" t="s">
        <v>509</v>
      </c>
      <c r="AX12" s="1" t="s">
        <v>514</v>
      </c>
      <c r="AY12" s="1" t="s">
        <v>523</v>
      </c>
      <c r="AZ12" s="1"/>
      <c r="BA12" s="1"/>
      <c r="BB12" s="1"/>
      <c r="BC12" s="1"/>
      <c r="BD12" s="1"/>
      <c r="BE12" s="1" t="s">
        <v>511</v>
      </c>
      <c r="BF12" s="1" t="s">
        <v>511</v>
      </c>
      <c r="BG12" s="1">
        <v>1.1000000000000001E-3</v>
      </c>
      <c r="BH12" s="1" t="s">
        <v>512</v>
      </c>
      <c r="BI12" s="1" t="s">
        <v>510</v>
      </c>
      <c r="BJ12" s="1"/>
      <c r="BK12" s="1" t="s">
        <v>513</v>
      </c>
      <c r="BL12" s="1" t="s">
        <v>518</v>
      </c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61041666666666672</v>
      </c>
      <c r="C13" s="1" t="s">
        <v>476</v>
      </c>
      <c r="D13" s="1" t="s">
        <v>27</v>
      </c>
      <c r="E13" s="1" t="s">
        <v>70</v>
      </c>
      <c r="F13" s="1" t="s">
        <v>251</v>
      </c>
      <c r="G13" s="1" t="s">
        <v>252</v>
      </c>
      <c r="J13" s="1" t="s">
        <v>30</v>
      </c>
      <c r="K13" s="1" t="s">
        <v>253</v>
      </c>
      <c r="M13" s="1" t="s">
        <v>225</v>
      </c>
      <c r="N13" s="1" t="s">
        <v>74</v>
      </c>
      <c r="O13" s="1" t="s">
        <v>226</v>
      </c>
      <c r="P13" s="1" t="s">
        <v>35</v>
      </c>
      <c r="Q13" s="1" t="s">
        <v>76</v>
      </c>
      <c r="S13" s="1" t="s">
        <v>80</v>
      </c>
      <c r="U13" s="1">
        <v>12.4</v>
      </c>
      <c r="V13" s="3">
        <v>49</v>
      </c>
      <c r="W13" s="1" t="s">
        <v>508</v>
      </c>
      <c r="X13" s="1">
        <v>0.8</v>
      </c>
      <c r="Y13" s="1">
        <v>7.9000000000000001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 t="s">
        <v>518</v>
      </c>
      <c r="BO13" s="1"/>
      <c r="BP13" s="1"/>
      <c r="BQ13" s="1">
        <v>26.07</v>
      </c>
      <c r="BR13" s="1"/>
      <c r="BS13" s="1"/>
      <c r="BT13" s="1">
        <v>25</v>
      </c>
      <c r="BU13" s="1"/>
      <c r="BV13" s="1"/>
      <c r="BW13" s="1"/>
      <c r="BX13" s="1"/>
      <c r="BY13" s="1"/>
      <c r="BZ13" s="1"/>
    </row>
    <row r="14" spans="1:78" x14ac:dyDescent="0.15">
      <c r="B14" s="2">
        <v>0.61041666666666672</v>
      </c>
      <c r="C14" s="1" t="s">
        <v>478</v>
      </c>
      <c r="D14" s="1" t="s">
        <v>27</v>
      </c>
      <c r="E14" s="1" t="s">
        <v>70</v>
      </c>
      <c r="G14" s="1" t="s">
        <v>254</v>
      </c>
      <c r="J14" s="1" t="s">
        <v>255</v>
      </c>
      <c r="N14" s="1" t="s">
        <v>74</v>
      </c>
      <c r="P14" s="1" t="s">
        <v>35</v>
      </c>
      <c r="Q14" s="1" t="s">
        <v>40</v>
      </c>
      <c r="S14" s="1" t="s">
        <v>126</v>
      </c>
      <c r="U14" s="1">
        <v>3.2</v>
      </c>
      <c r="V14" s="1"/>
      <c r="W14" s="1"/>
      <c r="X14" s="1">
        <v>0.51</v>
      </c>
      <c r="Y14" s="1">
        <v>9.7000000000000003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1</v>
      </c>
      <c r="BD14" s="1">
        <v>0.15</v>
      </c>
      <c r="BE14" s="1"/>
      <c r="BF14" s="1"/>
      <c r="BG14" s="1"/>
      <c r="BH14" s="1"/>
      <c r="BI14" s="1"/>
      <c r="BJ14" s="1"/>
      <c r="BK14" s="1"/>
      <c r="BL14" s="1"/>
      <c r="BM14" s="1">
        <v>0.17</v>
      </c>
      <c r="BN14" s="1">
        <v>7.4999999999999997E-2</v>
      </c>
      <c r="BO14" s="1"/>
      <c r="BP14" s="1"/>
      <c r="BQ14" s="1">
        <v>32.4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61041666666666672</v>
      </c>
      <c r="C15" s="1" t="s">
        <v>553</v>
      </c>
      <c r="D15" s="1" t="s">
        <v>27</v>
      </c>
      <c r="E15" s="1" t="s">
        <v>70</v>
      </c>
      <c r="J15" s="1" t="s">
        <v>179</v>
      </c>
      <c r="N15" s="1" t="s">
        <v>7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48888888888888887</v>
      </c>
      <c r="C16" s="1" t="s">
        <v>476</v>
      </c>
      <c r="D16" s="1" t="s">
        <v>43</v>
      </c>
      <c r="E16" s="1" t="s">
        <v>477</v>
      </c>
      <c r="F16" s="1" t="s">
        <v>72</v>
      </c>
      <c r="G16" s="1" t="s">
        <v>154</v>
      </c>
      <c r="J16" s="1" t="s">
        <v>30</v>
      </c>
      <c r="K16" s="1" t="s">
        <v>181</v>
      </c>
      <c r="M16" s="1" t="s">
        <v>111</v>
      </c>
      <c r="N16" s="1" t="s">
        <v>33</v>
      </c>
      <c r="O16" s="1" t="s">
        <v>157</v>
      </c>
      <c r="P16" s="1" t="s">
        <v>35</v>
      </c>
      <c r="Q16" s="1" t="s">
        <v>36</v>
      </c>
      <c r="S16" s="1" t="s">
        <v>131</v>
      </c>
      <c r="U16" s="1">
        <v>6</v>
      </c>
      <c r="V16" s="3">
        <v>49</v>
      </c>
      <c r="W16" s="1" t="s">
        <v>508</v>
      </c>
      <c r="X16" s="1">
        <v>0.56000000000000005</v>
      </c>
      <c r="Y16" s="1">
        <v>9.7000000000000003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0.18</v>
      </c>
      <c r="BD16" s="1">
        <v>0.23</v>
      </c>
      <c r="BE16" s="1"/>
      <c r="BF16" s="1"/>
      <c r="BG16" s="1"/>
      <c r="BH16" s="1"/>
      <c r="BI16" s="1"/>
      <c r="BJ16" s="1"/>
      <c r="BK16" s="1"/>
      <c r="BL16" s="1"/>
      <c r="BM16" s="1">
        <v>0.1</v>
      </c>
      <c r="BN16" s="1">
        <v>7.1999999999999995E-2</v>
      </c>
      <c r="BO16" s="1"/>
      <c r="BP16" s="1"/>
      <c r="BQ16" s="1">
        <v>29.46</v>
      </c>
      <c r="BR16" s="1"/>
      <c r="BS16" s="1"/>
      <c r="BT16" s="1">
        <v>15</v>
      </c>
      <c r="BU16" s="1"/>
      <c r="BV16" s="1"/>
      <c r="BW16" s="1"/>
      <c r="BX16" s="1"/>
      <c r="BY16" s="1"/>
      <c r="BZ16" s="1"/>
    </row>
    <row r="17" spans="1:78" x14ac:dyDescent="0.15">
      <c r="B17" s="2">
        <v>0.48888888888888887</v>
      </c>
      <c r="C17" s="1" t="s">
        <v>478</v>
      </c>
      <c r="D17" s="1" t="s">
        <v>43</v>
      </c>
      <c r="E17" s="1" t="s">
        <v>477</v>
      </c>
      <c r="G17" s="1" t="s">
        <v>249</v>
      </c>
      <c r="J17" s="1" t="s">
        <v>256</v>
      </c>
      <c r="N17" s="1" t="s">
        <v>33</v>
      </c>
      <c r="P17" s="1" t="s">
        <v>35</v>
      </c>
      <c r="Q17" s="1" t="s">
        <v>40</v>
      </c>
      <c r="S17" s="1" t="s">
        <v>57</v>
      </c>
      <c r="U17" s="1">
        <v>4.2</v>
      </c>
      <c r="V17" s="1"/>
      <c r="W17" s="1"/>
      <c r="X17" s="1">
        <v>0.46</v>
      </c>
      <c r="Y17" s="1">
        <v>7.4999999999999997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2</v>
      </c>
      <c r="BC17" s="1">
        <v>0.11</v>
      </c>
      <c r="BD17" s="1">
        <v>0.16</v>
      </c>
      <c r="BE17" s="1"/>
      <c r="BF17" s="1"/>
      <c r="BG17" s="1"/>
      <c r="BH17" s="1"/>
      <c r="BI17" s="1"/>
      <c r="BJ17" s="1"/>
      <c r="BK17" s="1"/>
      <c r="BL17" s="1"/>
      <c r="BM17" s="1">
        <v>0.14000000000000001</v>
      </c>
      <c r="BN17" s="1">
        <v>7.0000000000000007E-2</v>
      </c>
      <c r="BO17" s="1"/>
      <c r="BP17" s="1"/>
      <c r="BQ17" s="1">
        <v>31.2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8888888888888887</v>
      </c>
      <c r="C18" s="1" t="s">
        <v>553</v>
      </c>
      <c r="D18" s="1" t="s">
        <v>43</v>
      </c>
      <c r="E18" s="1" t="s">
        <v>477</v>
      </c>
      <c r="J18" s="1" t="s">
        <v>257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47916666666666669</v>
      </c>
      <c r="C19" s="1" t="s">
        <v>476</v>
      </c>
      <c r="D19" s="1" t="s">
        <v>27</v>
      </c>
      <c r="E19" s="1" t="s">
        <v>70</v>
      </c>
      <c r="F19" s="1" t="s">
        <v>144</v>
      </c>
      <c r="G19" s="1" t="s">
        <v>258</v>
      </c>
      <c r="J19" s="1" t="s">
        <v>30</v>
      </c>
      <c r="K19" s="1" t="s">
        <v>244</v>
      </c>
      <c r="M19" s="1" t="s">
        <v>163</v>
      </c>
      <c r="N19" s="1" t="s">
        <v>33</v>
      </c>
      <c r="O19" s="1" t="s">
        <v>157</v>
      </c>
      <c r="P19" s="1" t="s">
        <v>35</v>
      </c>
      <c r="Q19" s="1" t="s">
        <v>40</v>
      </c>
      <c r="S19" s="1" t="s">
        <v>131</v>
      </c>
      <c r="U19" s="1">
        <v>7.9</v>
      </c>
      <c r="V19" s="3">
        <v>790</v>
      </c>
      <c r="W19" s="1" t="s">
        <v>508</v>
      </c>
      <c r="X19" s="1">
        <v>1</v>
      </c>
      <c r="Y19" s="1">
        <v>0.11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6</v>
      </c>
      <c r="BD19" s="1">
        <v>0.65</v>
      </c>
      <c r="BE19" s="1"/>
      <c r="BF19" s="1"/>
      <c r="BG19" s="1"/>
      <c r="BH19" s="1"/>
      <c r="BI19" s="1"/>
      <c r="BJ19" s="1"/>
      <c r="BK19" s="1"/>
      <c r="BL19" s="1"/>
      <c r="BM19" s="1">
        <v>0.05</v>
      </c>
      <c r="BN19" s="1">
        <v>7.4999999999999997E-2</v>
      </c>
      <c r="BO19" s="1"/>
      <c r="BP19" s="1"/>
      <c r="BQ19" s="1">
        <v>24.35</v>
      </c>
      <c r="BR19" s="1"/>
      <c r="BS19" s="1"/>
      <c r="BT19" s="1">
        <v>7.9</v>
      </c>
      <c r="BU19" s="1"/>
      <c r="BV19" s="1"/>
      <c r="BW19" s="1"/>
      <c r="BX19" s="1"/>
      <c r="BY19" s="1"/>
      <c r="BZ19" s="1"/>
    </row>
    <row r="20" spans="1:78" x14ac:dyDescent="0.15">
      <c r="B20" s="2">
        <v>0.47916666666666669</v>
      </c>
      <c r="C20" s="1" t="s">
        <v>478</v>
      </c>
      <c r="D20" s="1" t="s">
        <v>27</v>
      </c>
      <c r="E20" s="1" t="s">
        <v>70</v>
      </c>
      <c r="G20" s="1" t="s">
        <v>231</v>
      </c>
      <c r="J20" s="1" t="s">
        <v>245</v>
      </c>
      <c r="N20" s="1" t="s">
        <v>33</v>
      </c>
      <c r="P20" s="1" t="s">
        <v>35</v>
      </c>
      <c r="Q20" s="1" t="s">
        <v>93</v>
      </c>
      <c r="S20" s="1" t="s">
        <v>57</v>
      </c>
      <c r="U20" s="1">
        <v>5</v>
      </c>
      <c r="V20" s="1"/>
      <c r="W20" s="1"/>
      <c r="X20" s="1">
        <v>0.55000000000000004</v>
      </c>
      <c r="Y20" s="1">
        <v>6.3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1</v>
      </c>
      <c r="BC20" s="1">
        <v>0.27</v>
      </c>
      <c r="BD20" s="1">
        <v>0.32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5.8999999999999997E-2</v>
      </c>
      <c r="BO20" s="1"/>
      <c r="BP20" s="1"/>
      <c r="BQ20" s="1">
        <v>30.93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7916666666666669</v>
      </c>
      <c r="C21" s="1" t="s">
        <v>553</v>
      </c>
      <c r="D21" s="1" t="s">
        <v>27</v>
      </c>
      <c r="E21" s="1" t="s">
        <v>70</v>
      </c>
      <c r="J21" s="1" t="s">
        <v>259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53402777777777777</v>
      </c>
      <c r="C22" s="1" t="s">
        <v>476</v>
      </c>
      <c r="D22" s="1" t="s">
        <v>43</v>
      </c>
      <c r="E22" s="1" t="s">
        <v>44</v>
      </c>
      <c r="F22" s="1" t="s">
        <v>260</v>
      </c>
      <c r="G22" s="1" t="s">
        <v>261</v>
      </c>
      <c r="J22" s="1" t="s">
        <v>30</v>
      </c>
      <c r="K22" s="1" t="s">
        <v>209</v>
      </c>
      <c r="M22" s="1" t="s">
        <v>41</v>
      </c>
      <c r="N22" s="1" t="s">
        <v>33</v>
      </c>
      <c r="O22" s="1" t="s">
        <v>157</v>
      </c>
      <c r="P22" s="1" t="s">
        <v>35</v>
      </c>
      <c r="Q22" s="1" t="s">
        <v>36</v>
      </c>
      <c r="S22" s="1" t="s">
        <v>163</v>
      </c>
      <c r="U22" s="1">
        <v>9.1999999999999993</v>
      </c>
      <c r="V22" s="3">
        <v>7900</v>
      </c>
      <c r="W22" s="1" t="s">
        <v>508</v>
      </c>
      <c r="X22" s="1">
        <v>0.96</v>
      </c>
      <c r="Y22" s="1">
        <v>8.4000000000000005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3</v>
      </c>
      <c r="BC22" s="1">
        <v>0.5</v>
      </c>
      <c r="BD22" s="1">
        <v>0.55000000000000004</v>
      </c>
      <c r="BE22" s="1"/>
      <c r="BF22" s="1"/>
      <c r="BG22" s="1"/>
      <c r="BH22" s="1"/>
      <c r="BI22" s="1"/>
      <c r="BJ22" s="1"/>
      <c r="BK22" s="1"/>
      <c r="BL22" s="1"/>
      <c r="BM22" s="1">
        <v>0.09</v>
      </c>
      <c r="BN22" s="1">
        <v>5.6000000000000001E-2</v>
      </c>
      <c r="BO22" s="1"/>
      <c r="BP22" s="1"/>
      <c r="BQ22" s="1">
        <v>26.56</v>
      </c>
      <c r="BR22" s="1"/>
      <c r="BS22" s="1"/>
      <c r="BT22" s="1">
        <v>8.9</v>
      </c>
      <c r="BU22" s="1"/>
      <c r="BV22" s="1"/>
      <c r="BW22" s="1"/>
      <c r="BX22" s="1"/>
      <c r="BY22" s="1"/>
      <c r="BZ22" s="1"/>
    </row>
    <row r="23" spans="1:78" x14ac:dyDescent="0.15">
      <c r="B23" s="2">
        <v>0.53402777777777777</v>
      </c>
      <c r="C23" s="1" t="s">
        <v>478</v>
      </c>
      <c r="D23" s="1" t="s">
        <v>43</v>
      </c>
      <c r="E23" s="1" t="s">
        <v>44</v>
      </c>
      <c r="G23" s="1" t="s">
        <v>262</v>
      </c>
      <c r="J23" s="1" t="s">
        <v>263</v>
      </c>
      <c r="N23" s="1" t="s">
        <v>33</v>
      </c>
      <c r="P23" s="1" t="s">
        <v>35</v>
      </c>
      <c r="Q23" s="1" t="s">
        <v>36</v>
      </c>
      <c r="S23" s="1" t="s">
        <v>111</v>
      </c>
      <c r="U23" s="1">
        <v>7</v>
      </c>
      <c r="V23" s="1"/>
      <c r="W23" s="1"/>
      <c r="X23" s="1">
        <v>0.56999999999999995</v>
      </c>
      <c r="Y23" s="1">
        <v>5.8000000000000003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3</v>
      </c>
      <c r="BC23" s="1">
        <v>0.27</v>
      </c>
      <c r="BD23" s="1">
        <v>0.32</v>
      </c>
      <c r="BE23" s="1"/>
      <c r="BF23" s="1"/>
      <c r="BG23" s="1"/>
      <c r="BH23" s="1"/>
      <c r="BI23" s="1"/>
      <c r="BJ23" s="1"/>
      <c r="BK23" s="1"/>
      <c r="BL23" s="1"/>
      <c r="BM23" s="1">
        <v>0.06</v>
      </c>
      <c r="BN23" s="1">
        <v>4.1000000000000002E-2</v>
      </c>
      <c r="BO23" s="1"/>
      <c r="BP23" s="1"/>
      <c r="BQ23" s="1">
        <v>30.85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53402777777777777</v>
      </c>
      <c r="C24" s="1" t="s">
        <v>553</v>
      </c>
      <c r="D24" s="1" t="s">
        <v>43</v>
      </c>
      <c r="E24" s="1" t="s">
        <v>44</v>
      </c>
      <c r="J24" s="1" t="s">
        <v>264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47986111111111113</v>
      </c>
      <c r="C25" s="1" t="s">
        <v>476</v>
      </c>
      <c r="D25" s="1" t="s">
        <v>43</v>
      </c>
      <c r="E25" s="1" t="s">
        <v>107</v>
      </c>
      <c r="F25" s="1" t="s">
        <v>142</v>
      </c>
      <c r="G25" s="1" t="s">
        <v>242</v>
      </c>
      <c r="J25" s="1" t="s">
        <v>30</v>
      </c>
      <c r="K25" s="1" t="s">
        <v>209</v>
      </c>
      <c r="M25" s="1" t="s">
        <v>32</v>
      </c>
      <c r="N25" s="1" t="s">
        <v>33</v>
      </c>
      <c r="O25" s="1" t="s">
        <v>157</v>
      </c>
      <c r="P25" s="1" t="s">
        <v>35</v>
      </c>
      <c r="Q25" s="1" t="s">
        <v>36</v>
      </c>
      <c r="S25" s="1" t="s">
        <v>137</v>
      </c>
      <c r="U25" s="1">
        <v>8.1999999999999993</v>
      </c>
      <c r="V25" s="3">
        <v>3300</v>
      </c>
      <c r="W25" s="1" t="s">
        <v>508</v>
      </c>
      <c r="X25" s="1">
        <v>0.86</v>
      </c>
      <c r="Y25" s="1">
        <v>7.1999999999999995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3</v>
      </c>
      <c r="BC25" s="1">
        <v>0.36</v>
      </c>
      <c r="BD25" s="1">
        <v>0.41</v>
      </c>
      <c r="BE25" s="1"/>
      <c r="BF25" s="1"/>
      <c r="BG25" s="1"/>
      <c r="BH25" s="1"/>
      <c r="BI25" s="1"/>
      <c r="BJ25" s="1"/>
      <c r="BK25" s="1"/>
      <c r="BL25" s="1"/>
      <c r="BM25" s="1">
        <v>0.06</v>
      </c>
      <c r="BN25" s="1">
        <v>4.7E-2</v>
      </c>
      <c r="BO25" s="1"/>
      <c r="BP25" s="1"/>
      <c r="BQ25" s="1">
        <v>28.87</v>
      </c>
      <c r="BR25" s="1"/>
      <c r="BS25" s="1"/>
      <c r="BT25" s="1">
        <v>6.2</v>
      </c>
      <c r="BU25" s="1"/>
      <c r="BV25" s="1"/>
      <c r="BW25" s="1"/>
      <c r="BX25" s="1"/>
      <c r="BY25" s="1"/>
      <c r="BZ25" s="1"/>
    </row>
    <row r="26" spans="1:78" x14ac:dyDescent="0.15">
      <c r="B26" s="2">
        <v>0.47986111111111113</v>
      </c>
      <c r="C26" s="1" t="s">
        <v>478</v>
      </c>
      <c r="D26" s="1" t="s">
        <v>43</v>
      </c>
      <c r="E26" s="1" t="s">
        <v>107</v>
      </c>
      <c r="G26" s="1" t="s">
        <v>140</v>
      </c>
      <c r="J26" s="1" t="s">
        <v>263</v>
      </c>
      <c r="N26" s="1" t="s">
        <v>33</v>
      </c>
      <c r="P26" s="1" t="s">
        <v>35</v>
      </c>
      <c r="Q26" s="1" t="s">
        <v>36</v>
      </c>
      <c r="S26" s="1" t="s">
        <v>170</v>
      </c>
      <c r="U26" s="1">
        <v>7.7</v>
      </c>
      <c r="V26" s="1"/>
      <c r="W26" s="1"/>
      <c r="X26" s="1">
        <v>0.53</v>
      </c>
      <c r="Y26" s="1">
        <v>4.9000000000000002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9</v>
      </c>
      <c r="BD26" s="1">
        <v>0.24</v>
      </c>
      <c r="BE26" s="1"/>
      <c r="BF26" s="1"/>
      <c r="BG26" s="1"/>
      <c r="BH26" s="1"/>
      <c r="BI26" s="1"/>
      <c r="BJ26" s="1"/>
      <c r="BK26" s="1"/>
      <c r="BL26" s="1"/>
      <c r="BM26" s="1">
        <v>0.08</v>
      </c>
      <c r="BN26" s="1">
        <v>3.3000000000000002E-2</v>
      </c>
      <c r="BO26" s="1"/>
      <c r="BP26" s="1"/>
      <c r="BQ26" s="1">
        <v>32.020000000000003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7986111111111113</v>
      </c>
      <c r="C27" s="1" t="s">
        <v>553</v>
      </c>
      <c r="D27" s="1" t="s">
        <v>43</v>
      </c>
      <c r="E27" s="1" t="s">
        <v>107</v>
      </c>
      <c r="J27" s="1" t="s">
        <v>264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36</v>
      </c>
      <c r="B28" s="2">
        <v>0.49722222222222223</v>
      </c>
      <c r="C28" s="1" t="s">
        <v>476</v>
      </c>
      <c r="D28" s="1" t="s">
        <v>27</v>
      </c>
      <c r="E28" s="1" t="s">
        <v>70</v>
      </c>
      <c r="F28" s="1" t="s">
        <v>265</v>
      </c>
      <c r="G28" s="1" t="s">
        <v>266</v>
      </c>
      <c r="J28" s="1" t="s">
        <v>30</v>
      </c>
      <c r="K28" s="1" t="s">
        <v>129</v>
      </c>
      <c r="M28" s="1" t="s">
        <v>259</v>
      </c>
      <c r="N28" s="1" t="s">
        <v>33</v>
      </c>
      <c r="O28" s="1" t="s">
        <v>208</v>
      </c>
      <c r="P28" s="1" t="s">
        <v>35</v>
      </c>
      <c r="Q28" s="1" t="s">
        <v>36</v>
      </c>
      <c r="S28" s="1" t="s">
        <v>111</v>
      </c>
      <c r="U28" s="1">
        <v>10.199999999999999</v>
      </c>
      <c r="V28" s="3">
        <v>5</v>
      </c>
      <c r="W28" s="1" t="s">
        <v>508</v>
      </c>
      <c r="X28" s="1">
        <v>0.79</v>
      </c>
      <c r="Y28" s="1">
        <v>6.4000000000000001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4</v>
      </c>
      <c r="BC28" s="1">
        <v>0.49</v>
      </c>
      <c r="BD28" s="1">
        <v>0.54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4.2000000000000003E-2</v>
      </c>
      <c r="BO28" s="1"/>
      <c r="BP28" s="1"/>
      <c r="BQ28" s="1">
        <v>30.78</v>
      </c>
      <c r="BR28" s="1" t="s">
        <v>531</v>
      </c>
      <c r="BS28" s="1"/>
      <c r="BT28" s="1">
        <v>4.3</v>
      </c>
      <c r="BU28" s="1"/>
      <c r="BV28" s="1"/>
      <c r="BW28" s="1"/>
      <c r="BX28" s="1"/>
      <c r="BY28" s="1"/>
      <c r="BZ28" s="1"/>
    </row>
    <row r="29" spans="1:78" x14ac:dyDescent="0.15">
      <c r="B29" s="2">
        <v>0.49722222222222223</v>
      </c>
      <c r="C29" s="1" t="s">
        <v>478</v>
      </c>
      <c r="D29" s="1" t="s">
        <v>27</v>
      </c>
      <c r="E29" s="1" t="s">
        <v>70</v>
      </c>
      <c r="G29" s="1" t="s">
        <v>206</v>
      </c>
      <c r="J29" s="1" t="s">
        <v>209</v>
      </c>
      <c r="N29" s="1" t="s">
        <v>33</v>
      </c>
      <c r="P29" s="1" t="s">
        <v>35</v>
      </c>
      <c r="Q29" s="1" t="s">
        <v>40</v>
      </c>
      <c r="S29" s="1" t="s">
        <v>54</v>
      </c>
      <c r="U29" s="1">
        <v>8.6</v>
      </c>
      <c r="V29" s="1"/>
      <c r="W29" s="1"/>
      <c r="X29" s="1">
        <v>0.57999999999999996</v>
      </c>
      <c r="Y29" s="1">
        <v>5.0999999999999997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4</v>
      </c>
      <c r="BC29" s="1">
        <v>0.28999999999999998</v>
      </c>
      <c r="BD29" s="1">
        <v>0.34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3.2000000000000001E-2</v>
      </c>
      <c r="BO29" s="1"/>
      <c r="BP29" s="1"/>
      <c r="BQ29" s="1">
        <v>32.299999999999997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9722222222222223</v>
      </c>
      <c r="C30" s="1" t="s">
        <v>553</v>
      </c>
      <c r="D30" s="1" t="s">
        <v>27</v>
      </c>
      <c r="E30" s="1" t="s">
        <v>70</v>
      </c>
      <c r="J30" s="1" t="s">
        <v>237</v>
      </c>
      <c r="N30" s="1" t="s">
        <v>33</v>
      </c>
      <c r="U30" s="1"/>
      <c r="V30" s="1"/>
      <c r="W30" s="1"/>
      <c r="X30" s="1"/>
      <c r="Y30" s="1"/>
      <c r="Z30" s="1"/>
      <c r="AC30" s="1" t="s">
        <v>509</v>
      </c>
      <c r="AD30" s="1" t="s">
        <v>510</v>
      </c>
      <c r="AE30" s="1" t="s">
        <v>513</v>
      </c>
      <c r="AF30" s="1" t="s">
        <v>512</v>
      </c>
      <c r="AG30" s="1" t="s">
        <v>511</v>
      </c>
      <c r="AH30" s="1" t="s">
        <v>513</v>
      </c>
      <c r="AI30" s="1"/>
      <c r="AJ30" s="1"/>
      <c r="AK30" s="1" t="s">
        <v>514</v>
      </c>
      <c r="AL30" s="1" t="s">
        <v>514</v>
      </c>
      <c r="AM30" s="1" t="s">
        <v>514</v>
      </c>
      <c r="AN30" s="1" t="s">
        <v>514</v>
      </c>
      <c r="AO30" s="1" t="s">
        <v>514</v>
      </c>
      <c r="AP30" t="s">
        <v>514</v>
      </c>
      <c r="AQ30" s="1" t="s">
        <v>514</v>
      </c>
      <c r="AR30" s="1" t="s">
        <v>514</v>
      </c>
      <c r="AS30" s="1" t="s">
        <v>514</v>
      </c>
      <c r="AT30" s="1" t="s">
        <v>517</v>
      </c>
      <c r="AU30" s="1" t="s">
        <v>513</v>
      </c>
      <c r="AV30" s="1" t="s">
        <v>509</v>
      </c>
      <c r="AW30" s="1" t="s">
        <v>509</v>
      </c>
      <c r="AX30" s="1" t="s">
        <v>514</v>
      </c>
      <c r="AY30" s="1" t="s">
        <v>523</v>
      </c>
      <c r="AZ30" s="1"/>
      <c r="BA30" s="1"/>
      <c r="BB30" s="1"/>
      <c r="BC30" s="1"/>
      <c r="BD30" s="1"/>
      <c r="BE30" t="s">
        <v>511</v>
      </c>
      <c r="BF30" s="1" t="s">
        <v>511</v>
      </c>
      <c r="BG30" s="1">
        <v>1.1000000000000001E-3</v>
      </c>
      <c r="BH30" s="1" t="s">
        <v>512</v>
      </c>
      <c r="BI30" s="1" t="s">
        <v>510</v>
      </c>
      <c r="BJ30" s="1"/>
      <c r="BK30" s="1" t="s">
        <v>513</v>
      </c>
      <c r="BL30" s="1" t="s">
        <v>518</v>
      </c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49027777777777781</v>
      </c>
      <c r="C31" s="1" t="s">
        <v>476</v>
      </c>
      <c r="D31" s="1" t="s">
        <v>51</v>
      </c>
      <c r="E31" s="1" t="s">
        <v>477</v>
      </c>
      <c r="F31" s="1" t="s">
        <v>240</v>
      </c>
      <c r="G31" s="1" t="s">
        <v>209</v>
      </c>
      <c r="J31" s="1" t="s">
        <v>30</v>
      </c>
      <c r="K31" s="1" t="s">
        <v>129</v>
      </c>
      <c r="M31" s="1" t="s">
        <v>47</v>
      </c>
      <c r="N31" s="1" t="s">
        <v>33</v>
      </c>
      <c r="O31" s="1" t="s">
        <v>208</v>
      </c>
      <c r="P31" s="1" t="s">
        <v>35</v>
      </c>
      <c r="Q31" s="1" t="s">
        <v>36</v>
      </c>
      <c r="S31" s="1" t="s">
        <v>57</v>
      </c>
      <c r="U31" s="1">
        <v>9.1</v>
      </c>
      <c r="V31" s="3">
        <v>17</v>
      </c>
      <c r="W31" s="1" t="s">
        <v>508</v>
      </c>
      <c r="X31" s="1">
        <v>0.77</v>
      </c>
      <c r="Y31" s="1">
        <v>5.0999999999999997E-2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2</v>
      </c>
      <c r="BC31" s="1">
        <v>0.5</v>
      </c>
      <c r="BD31" s="1">
        <v>0.55000000000000004</v>
      </c>
      <c r="BF31" s="1"/>
      <c r="BG31" s="1"/>
      <c r="BH31" s="1"/>
      <c r="BI31" s="1"/>
      <c r="BJ31" s="1"/>
      <c r="BK31" s="1"/>
      <c r="BL31" s="1"/>
      <c r="BM31" s="1">
        <v>7.0000000000000007E-2</v>
      </c>
      <c r="BN31" s="1">
        <v>3.3000000000000002E-2</v>
      </c>
      <c r="BO31" s="1"/>
      <c r="BP31" s="1"/>
      <c r="BQ31" s="1">
        <v>30.63</v>
      </c>
      <c r="BR31" s="1"/>
      <c r="BS31" s="1"/>
      <c r="BT31" s="1">
        <v>3.1</v>
      </c>
      <c r="BU31" s="1"/>
      <c r="BV31" s="1"/>
      <c r="BW31" s="1"/>
      <c r="BX31" s="1"/>
      <c r="BY31" s="1"/>
      <c r="BZ31" s="1"/>
    </row>
    <row r="32" spans="1:78" x14ac:dyDescent="0.15">
      <c r="B32" s="2">
        <v>0.49027777777777781</v>
      </c>
      <c r="C32" s="1" t="s">
        <v>478</v>
      </c>
      <c r="D32" s="1" t="s">
        <v>51</v>
      </c>
      <c r="E32" s="1" t="s">
        <v>477</v>
      </c>
      <c r="G32" s="1" t="s">
        <v>127</v>
      </c>
      <c r="J32" s="1" t="s">
        <v>209</v>
      </c>
      <c r="N32" s="1" t="s">
        <v>33</v>
      </c>
      <c r="P32" s="1" t="s">
        <v>35</v>
      </c>
      <c r="Q32" s="1" t="s">
        <v>36</v>
      </c>
      <c r="S32" s="1" t="s">
        <v>149</v>
      </c>
      <c r="U32" s="1">
        <v>8.8000000000000007</v>
      </c>
      <c r="V32" s="1"/>
      <c r="W32" s="1"/>
      <c r="X32" s="1">
        <v>0.59</v>
      </c>
      <c r="Y32" s="1">
        <v>0.04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34</v>
      </c>
      <c r="BD32" s="1">
        <v>0.39</v>
      </c>
      <c r="BF32" s="1"/>
      <c r="BG32" s="1"/>
      <c r="BH32" s="1"/>
      <c r="BI32" s="1"/>
      <c r="BJ32" s="1"/>
      <c r="BK32" s="1"/>
      <c r="BL32" s="1"/>
      <c r="BM32" s="1">
        <v>7.0000000000000007E-2</v>
      </c>
      <c r="BN32" s="1">
        <v>2.1999999999999999E-2</v>
      </c>
      <c r="BO32" s="1"/>
      <c r="BP32" s="1"/>
      <c r="BQ32" s="1">
        <v>32.06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9027777777777781</v>
      </c>
      <c r="C33" s="1" t="s">
        <v>553</v>
      </c>
      <c r="D33" s="1" t="s">
        <v>51</v>
      </c>
      <c r="E33" s="1" t="s">
        <v>477</v>
      </c>
      <c r="J33" s="1" t="s">
        <v>237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47152777777777777</v>
      </c>
      <c r="C34" s="1" t="s">
        <v>476</v>
      </c>
      <c r="D34" s="1" t="s">
        <v>43</v>
      </c>
      <c r="E34" s="1" t="s">
        <v>477</v>
      </c>
      <c r="F34" s="1" t="s">
        <v>129</v>
      </c>
      <c r="G34" s="1" t="s">
        <v>267</v>
      </c>
      <c r="J34" s="1" t="s">
        <v>30</v>
      </c>
      <c r="K34" s="1" t="s">
        <v>253</v>
      </c>
      <c r="M34" s="1" t="s">
        <v>116</v>
      </c>
      <c r="N34" s="1" t="s">
        <v>33</v>
      </c>
      <c r="O34" s="1" t="s">
        <v>208</v>
      </c>
      <c r="P34" s="1" t="s">
        <v>35</v>
      </c>
      <c r="Q34" s="1" t="s">
        <v>36</v>
      </c>
      <c r="S34" s="1" t="s">
        <v>133</v>
      </c>
      <c r="U34" s="1">
        <v>9.1999999999999993</v>
      </c>
      <c r="V34" s="3">
        <v>1700</v>
      </c>
      <c r="W34" s="1" t="s">
        <v>508</v>
      </c>
      <c r="X34" s="1">
        <v>1.2</v>
      </c>
      <c r="Y34" s="1">
        <v>0.1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84</v>
      </c>
      <c r="BD34" s="1">
        <v>0.89</v>
      </c>
      <c r="BF34" s="1"/>
      <c r="BG34" s="1"/>
      <c r="BH34" s="1"/>
      <c r="BI34" s="1"/>
      <c r="BJ34" s="1"/>
      <c r="BK34" s="1"/>
      <c r="BL34" s="1"/>
      <c r="BM34" s="1">
        <v>0.11</v>
      </c>
      <c r="BN34" s="1">
        <v>0.08</v>
      </c>
      <c r="BO34" s="1"/>
      <c r="BP34" s="1"/>
      <c r="BQ34" s="1">
        <v>26.18</v>
      </c>
      <c r="BR34" s="1"/>
      <c r="BS34" s="1"/>
      <c r="BT34" s="1">
        <v>2.2000000000000002</v>
      </c>
      <c r="BU34" s="1"/>
      <c r="BV34" s="1"/>
      <c r="BW34" s="1"/>
      <c r="BX34" s="1"/>
      <c r="BY34" s="1"/>
      <c r="BZ34" s="1"/>
    </row>
    <row r="35" spans="1:78" x14ac:dyDescent="0.15">
      <c r="B35" s="2">
        <v>0.47152777777777777</v>
      </c>
      <c r="C35" s="1" t="s">
        <v>478</v>
      </c>
      <c r="D35" s="1" t="s">
        <v>43</v>
      </c>
      <c r="E35" s="1" t="s">
        <v>477</v>
      </c>
      <c r="G35" s="1" t="s">
        <v>173</v>
      </c>
      <c r="J35" s="1" t="s">
        <v>255</v>
      </c>
      <c r="N35" s="1" t="s">
        <v>33</v>
      </c>
      <c r="P35" s="1" t="s">
        <v>35</v>
      </c>
      <c r="Q35" s="1" t="s">
        <v>36</v>
      </c>
      <c r="S35" s="1" t="s">
        <v>91</v>
      </c>
      <c r="U35" s="1">
        <v>8.6999999999999993</v>
      </c>
      <c r="V35" s="1"/>
      <c r="W35" s="1"/>
      <c r="X35" s="1">
        <v>0.63</v>
      </c>
      <c r="Y35" s="1">
        <v>4.2000000000000003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2</v>
      </c>
      <c r="BC35" s="1">
        <v>0.34</v>
      </c>
      <c r="BD35" s="1">
        <v>0.39</v>
      </c>
      <c r="BF35" s="1"/>
      <c r="BG35" s="1"/>
      <c r="BH35" s="1"/>
      <c r="BI35" s="1"/>
      <c r="BJ35" s="1"/>
      <c r="BK35" s="1"/>
      <c r="BL35" s="1"/>
      <c r="BM35" s="1">
        <v>7.0000000000000007E-2</v>
      </c>
      <c r="BN35" s="1">
        <v>2.5000000000000001E-2</v>
      </c>
      <c r="BO35" s="1"/>
      <c r="BP35" s="1"/>
      <c r="BQ35" s="1">
        <v>32.15999999999999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7152777777777777</v>
      </c>
      <c r="C36" s="1" t="s">
        <v>553</v>
      </c>
      <c r="D36" s="1" t="s">
        <v>43</v>
      </c>
      <c r="E36" s="1" t="s">
        <v>477</v>
      </c>
      <c r="J36" s="1" t="s">
        <v>179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8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84</v>
      </c>
      <c r="E1" s="1" t="s">
        <v>2</v>
      </c>
      <c r="F1" s="1" t="s">
        <v>467</v>
      </c>
      <c r="G1" s="1" t="s">
        <v>3</v>
      </c>
      <c r="H1" s="1" t="s">
        <v>48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41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36319444444444443</v>
      </c>
      <c r="C4" s="1" t="s">
        <v>476</v>
      </c>
      <c r="D4" s="1" t="s">
        <v>27</v>
      </c>
      <c r="E4" s="1" t="s">
        <v>477</v>
      </c>
      <c r="F4" s="1" t="s">
        <v>164</v>
      </c>
      <c r="G4" s="1" t="s">
        <v>166</v>
      </c>
      <c r="J4" s="1" t="s">
        <v>30</v>
      </c>
      <c r="K4" s="1" t="s">
        <v>266</v>
      </c>
      <c r="M4" s="1" t="s">
        <v>126</v>
      </c>
      <c r="N4" s="1" t="s">
        <v>33</v>
      </c>
      <c r="O4" s="1" t="s">
        <v>157</v>
      </c>
      <c r="P4" s="1" t="s">
        <v>35</v>
      </c>
      <c r="Q4" s="1" t="s">
        <v>84</v>
      </c>
      <c r="S4" s="1" t="s">
        <v>133</v>
      </c>
      <c r="U4" s="1">
        <v>9.8000000000000007</v>
      </c>
      <c r="V4" s="3">
        <v>110</v>
      </c>
      <c r="W4" s="1" t="s">
        <v>508</v>
      </c>
      <c r="X4" s="1">
        <v>0.47</v>
      </c>
      <c r="Y4" s="1">
        <v>4.4999999999999998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4</v>
      </c>
      <c r="BC4" s="1">
        <v>0.2</v>
      </c>
      <c r="BD4" s="1">
        <v>0.25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1.7999999999999999E-2</v>
      </c>
      <c r="BO4" s="1"/>
      <c r="BP4" s="1"/>
      <c r="BQ4" s="1">
        <v>31.9</v>
      </c>
      <c r="BR4" s="1"/>
      <c r="BS4" s="1"/>
      <c r="BT4" s="1">
        <v>12</v>
      </c>
      <c r="BU4" s="1"/>
      <c r="BV4" s="1"/>
      <c r="BW4" s="1"/>
      <c r="BX4" s="1"/>
      <c r="BY4" s="1"/>
      <c r="BZ4" s="1"/>
    </row>
    <row r="5" spans="1:78" x14ac:dyDescent="0.15">
      <c r="B5" s="2">
        <v>0.36319444444444443</v>
      </c>
      <c r="C5" s="1" t="s">
        <v>478</v>
      </c>
      <c r="D5" s="1" t="s">
        <v>27</v>
      </c>
      <c r="E5" s="1" t="s">
        <v>477</v>
      </c>
      <c r="G5" s="1" t="s">
        <v>235</v>
      </c>
      <c r="J5" s="1" t="s">
        <v>268</v>
      </c>
      <c r="N5" s="1" t="s">
        <v>33</v>
      </c>
      <c r="P5" s="1" t="s">
        <v>35</v>
      </c>
      <c r="Q5" s="1" t="s">
        <v>36</v>
      </c>
      <c r="S5" s="1" t="s">
        <v>41</v>
      </c>
      <c r="U5" s="1">
        <v>9.1</v>
      </c>
      <c r="V5" s="1"/>
      <c r="W5" s="1"/>
      <c r="X5" s="1">
        <v>0.53</v>
      </c>
      <c r="Y5" s="1">
        <v>4.4999999999999998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2</v>
      </c>
      <c r="BD5" s="1">
        <v>0.25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0.02</v>
      </c>
      <c r="BO5" s="1"/>
      <c r="BP5" s="1"/>
      <c r="BQ5" s="1">
        <v>32.130000000000003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37083333333333335</v>
      </c>
      <c r="C6" s="1" t="s">
        <v>476</v>
      </c>
      <c r="D6" s="1" t="s">
        <v>43</v>
      </c>
      <c r="E6" s="1" t="s">
        <v>44</v>
      </c>
      <c r="F6" s="1" t="s">
        <v>190</v>
      </c>
      <c r="G6" s="1" t="s">
        <v>48</v>
      </c>
      <c r="J6" s="1" t="s">
        <v>30</v>
      </c>
      <c r="K6" s="1" t="s">
        <v>269</v>
      </c>
      <c r="M6" s="1" t="s">
        <v>119</v>
      </c>
      <c r="N6" s="1" t="s">
        <v>33</v>
      </c>
      <c r="O6" s="1" t="s">
        <v>157</v>
      </c>
      <c r="P6" s="1" t="s">
        <v>35</v>
      </c>
      <c r="Q6" s="1" t="s">
        <v>84</v>
      </c>
      <c r="S6" s="1" t="s">
        <v>163</v>
      </c>
      <c r="U6" s="1">
        <v>8.1999999999999993</v>
      </c>
      <c r="V6" s="3">
        <v>2300</v>
      </c>
      <c r="W6" s="1" t="s">
        <v>508</v>
      </c>
      <c r="X6" s="1">
        <v>0.53</v>
      </c>
      <c r="Y6" s="1">
        <v>3.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5</v>
      </c>
      <c r="BC6" s="1">
        <v>0.21</v>
      </c>
      <c r="BD6" s="1">
        <v>0.26</v>
      </c>
      <c r="BE6" s="1"/>
      <c r="BF6" s="1"/>
      <c r="BG6" s="1"/>
      <c r="BH6" s="1"/>
      <c r="BI6" s="1"/>
      <c r="BJ6" s="1"/>
      <c r="BK6" s="1"/>
      <c r="BL6" s="1"/>
      <c r="BM6" s="1">
        <v>0.04</v>
      </c>
      <c r="BN6" s="1">
        <v>8.9999999999999993E-3</v>
      </c>
      <c r="BO6" s="1"/>
      <c r="BP6" s="1"/>
      <c r="BQ6" s="1">
        <v>29.98</v>
      </c>
      <c r="BR6" s="1"/>
      <c r="BS6" s="1"/>
      <c r="BT6" s="1">
        <v>6.2</v>
      </c>
      <c r="BU6" s="1"/>
      <c r="BV6" s="1"/>
      <c r="BW6" s="1"/>
      <c r="BX6" s="1"/>
      <c r="BY6" s="1"/>
      <c r="BZ6" s="1"/>
    </row>
    <row r="7" spans="1:78" x14ac:dyDescent="0.15">
      <c r="B7" s="2">
        <v>0.37083333333333335</v>
      </c>
      <c r="C7" s="1" t="s">
        <v>478</v>
      </c>
      <c r="D7" s="1" t="s">
        <v>43</v>
      </c>
      <c r="E7" s="1" t="s">
        <v>44</v>
      </c>
      <c r="G7" s="1" t="s">
        <v>29</v>
      </c>
      <c r="J7" s="1" t="s">
        <v>253</v>
      </c>
      <c r="N7" s="1" t="s">
        <v>33</v>
      </c>
      <c r="P7" s="1" t="s">
        <v>35</v>
      </c>
      <c r="Q7" s="1" t="s">
        <v>63</v>
      </c>
      <c r="S7" s="1" t="s">
        <v>125</v>
      </c>
      <c r="U7" s="1">
        <v>8</v>
      </c>
      <c r="V7" s="1"/>
      <c r="W7" s="1"/>
      <c r="X7" s="1">
        <v>0.48</v>
      </c>
      <c r="Y7" s="1">
        <v>4.4999999999999998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3</v>
      </c>
      <c r="BC7" s="1">
        <v>0.2</v>
      </c>
      <c r="BD7" s="1">
        <v>0.25</v>
      </c>
      <c r="BE7" s="1"/>
      <c r="BF7" s="1"/>
      <c r="BG7" s="1"/>
      <c r="BH7" s="1"/>
      <c r="BI7" s="1"/>
      <c r="BJ7" s="1"/>
      <c r="BK7" s="1"/>
      <c r="BL7" s="1"/>
      <c r="BM7" s="1">
        <v>0.05</v>
      </c>
      <c r="BN7" s="1">
        <v>1.2999999999999999E-2</v>
      </c>
      <c r="BO7" s="1"/>
      <c r="BP7" s="1"/>
      <c r="BQ7" s="1">
        <v>30.6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5625000000000001</v>
      </c>
      <c r="C8" s="1" t="s">
        <v>476</v>
      </c>
      <c r="D8" s="1" t="s">
        <v>51</v>
      </c>
      <c r="E8" s="1" t="s">
        <v>477</v>
      </c>
      <c r="F8" s="1" t="s">
        <v>99</v>
      </c>
      <c r="G8" s="1" t="s">
        <v>230</v>
      </c>
      <c r="J8" s="1" t="s">
        <v>30</v>
      </c>
      <c r="K8" s="1" t="s">
        <v>120</v>
      </c>
      <c r="M8" s="1" t="s">
        <v>137</v>
      </c>
      <c r="N8" s="1" t="s">
        <v>33</v>
      </c>
      <c r="O8" s="1" t="s">
        <v>157</v>
      </c>
      <c r="P8" s="1" t="s">
        <v>35</v>
      </c>
      <c r="Q8" s="1" t="s">
        <v>174</v>
      </c>
      <c r="S8" s="1" t="s">
        <v>130</v>
      </c>
      <c r="U8" s="1">
        <v>10.6</v>
      </c>
      <c r="V8" s="3">
        <v>23</v>
      </c>
      <c r="W8" s="1" t="s">
        <v>508</v>
      </c>
      <c r="X8" s="1">
        <v>0.41</v>
      </c>
      <c r="Y8" s="1">
        <v>4.1000000000000002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 t="s">
        <v>51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 t="s">
        <v>518</v>
      </c>
      <c r="BO8" s="1"/>
      <c r="BP8" s="1"/>
      <c r="BQ8" s="1">
        <v>30.02</v>
      </c>
      <c r="BR8" s="1"/>
      <c r="BS8" s="1"/>
      <c r="BT8" s="1">
        <v>14</v>
      </c>
      <c r="BU8" s="1"/>
      <c r="BV8" s="1"/>
      <c r="BW8" s="1"/>
      <c r="BX8" s="1"/>
      <c r="BY8" s="1"/>
      <c r="BZ8" s="1"/>
    </row>
    <row r="9" spans="1:78" x14ac:dyDescent="0.15">
      <c r="B9" s="2">
        <v>0.35625000000000001</v>
      </c>
      <c r="C9" s="1" t="s">
        <v>478</v>
      </c>
      <c r="D9" s="1" t="s">
        <v>51</v>
      </c>
      <c r="E9" s="1" t="s">
        <v>477</v>
      </c>
      <c r="G9" s="1" t="s">
        <v>270</v>
      </c>
      <c r="J9" s="1" t="s">
        <v>271</v>
      </c>
      <c r="N9" s="1" t="s">
        <v>33</v>
      </c>
      <c r="P9" s="1" t="s">
        <v>35</v>
      </c>
      <c r="Q9" s="1" t="s">
        <v>63</v>
      </c>
      <c r="S9" s="1" t="s">
        <v>133</v>
      </c>
      <c r="U9" s="1">
        <v>7.6</v>
      </c>
      <c r="V9" s="1"/>
      <c r="W9" s="1"/>
      <c r="X9" s="1">
        <v>0.35</v>
      </c>
      <c r="Y9" s="1">
        <v>3.2000000000000001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0.03</v>
      </c>
      <c r="BD9" s="1" t="s">
        <v>522</v>
      </c>
      <c r="BE9" s="1"/>
      <c r="BF9" s="1"/>
      <c r="BG9" s="1"/>
      <c r="BH9" s="1"/>
      <c r="BI9" s="1"/>
      <c r="BJ9" s="1"/>
      <c r="BK9" s="1"/>
      <c r="BL9" s="1"/>
      <c r="BM9" s="1">
        <v>0.05</v>
      </c>
      <c r="BN9" s="1">
        <v>1E-3</v>
      </c>
      <c r="BO9" s="1"/>
      <c r="BP9" s="1"/>
      <c r="BQ9" s="1">
        <v>31.65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5972222222222222</v>
      </c>
      <c r="C10" s="1" t="s">
        <v>476</v>
      </c>
      <c r="D10" s="1" t="s">
        <v>27</v>
      </c>
      <c r="E10" s="1" t="s">
        <v>477</v>
      </c>
      <c r="F10" s="1" t="s">
        <v>82</v>
      </c>
      <c r="G10" s="1" t="s">
        <v>272</v>
      </c>
      <c r="J10" s="1" t="s">
        <v>30</v>
      </c>
      <c r="K10" s="1" t="s">
        <v>244</v>
      </c>
      <c r="M10" s="1" t="s">
        <v>111</v>
      </c>
      <c r="N10" s="1" t="s">
        <v>33</v>
      </c>
      <c r="O10" s="1" t="s">
        <v>157</v>
      </c>
      <c r="P10" s="1" t="s">
        <v>35</v>
      </c>
      <c r="Q10" s="1" t="s">
        <v>63</v>
      </c>
      <c r="S10" s="1" t="s">
        <v>182</v>
      </c>
      <c r="U10" s="1">
        <v>9.5</v>
      </c>
      <c r="V10" s="3">
        <v>2</v>
      </c>
      <c r="W10" s="1" t="s">
        <v>508</v>
      </c>
      <c r="X10" s="1">
        <v>0.32</v>
      </c>
      <c r="Y10" s="1">
        <v>3.2000000000000001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 t="s">
        <v>512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2E-3</v>
      </c>
      <c r="BO10" s="1"/>
      <c r="BP10" s="1"/>
      <c r="BQ10" s="1">
        <v>30.83</v>
      </c>
      <c r="BR10" s="1" t="s">
        <v>531</v>
      </c>
      <c r="BS10" s="1" t="s">
        <v>511</v>
      </c>
      <c r="BT10" s="1">
        <v>18</v>
      </c>
      <c r="BU10" s="1"/>
      <c r="BV10" s="1"/>
      <c r="BW10" s="1"/>
      <c r="BX10" s="1"/>
      <c r="BY10" s="1"/>
      <c r="BZ10" s="1"/>
    </row>
    <row r="11" spans="1:78" x14ac:dyDescent="0.15">
      <c r="B11" s="2">
        <v>0.35972222222222222</v>
      </c>
      <c r="C11" s="1" t="s">
        <v>478</v>
      </c>
      <c r="D11" s="1" t="s">
        <v>27</v>
      </c>
      <c r="E11" s="1" t="s">
        <v>477</v>
      </c>
      <c r="G11" s="1" t="s">
        <v>273</v>
      </c>
      <c r="J11" s="1" t="s">
        <v>245</v>
      </c>
      <c r="N11" s="1" t="s">
        <v>33</v>
      </c>
      <c r="P11" s="1" t="s">
        <v>35</v>
      </c>
      <c r="Q11" s="1" t="s">
        <v>36</v>
      </c>
      <c r="S11" s="1" t="s">
        <v>126</v>
      </c>
      <c r="U11" s="1">
        <v>5.8</v>
      </c>
      <c r="V11" s="1"/>
      <c r="W11" s="1"/>
      <c r="X11" s="1">
        <v>0.38</v>
      </c>
      <c r="Y11" s="1">
        <v>4.2000000000000003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7.0000000000000007E-2</v>
      </c>
      <c r="BD11" s="1">
        <v>0.12</v>
      </c>
      <c r="BE11" s="1"/>
      <c r="BF11" s="1"/>
      <c r="BG11" s="1"/>
      <c r="BH11" s="1"/>
      <c r="BI11" s="1"/>
      <c r="BJ11" s="1"/>
      <c r="BK11" s="1"/>
      <c r="BL11" s="1"/>
      <c r="BM11" s="1">
        <v>7.0000000000000007E-2</v>
      </c>
      <c r="BN11" s="1">
        <v>2.3E-2</v>
      </c>
      <c r="BO11" s="1"/>
      <c r="BP11" s="1"/>
      <c r="BQ11" s="1">
        <v>31.67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5972222222222222</v>
      </c>
      <c r="C12" s="1" t="s">
        <v>553</v>
      </c>
      <c r="D12" s="1" t="s">
        <v>27</v>
      </c>
      <c r="E12" s="1" t="s">
        <v>477</v>
      </c>
      <c r="J12" s="1" t="s">
        <v>259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 t="s">
        <v>509</v>
      </c>
      <c r="AD12" s="1" t="s">
        <v>510</v>
      </c>
      <c r="AE12" s="1" t="s">
        <v>513</v>
      </c>
      <c r="AF12" s="1" t="s">
        <v>512</v>
      </c>
      <c r="AG12" s="1" t="s">
        <v>511</v>
      </c>
      <c r="AH12" s="1" t="s">
        <v>513</v>
      </c>
      <c r="AI12" s="1"/>
      <c r="AJ12" s="1" t="s">
        <v>513</v>
      </c>
      <c r="AK12" s="1" t="s">
        <v>514</v>
      </c>
      <c r="AL12" s="1" t="s">
        <v>514</v>
      </c>
      <c r="AM12" s="1" t="s">
        <v>514</v>
      </c>
      <c r="AN12" s="1" t="s">
        <v>514</v>
      </c>
      <c r="AO12" s="1" t="s">
        <v>514</v>
      </c>
      <c r="AP12" t="s">
        <v>514</v>
      </c>
      <c r="AQ12" s="1" t="s">
        <v>514</v>
      </c>
      <c r="AR12" s="1" t="s">
        <v>514</v>
      </c>
      <c r="AS12" s="1" t="s">
        <v>514</v>
      </c>
      <c r="AT12" s="1" t="s">
        <v>517</v>
      </c>
      <c r="AU12" s="1" t="s">
        <v>513</v>
      </c>
      <c r="AV12" s="1" t="s">
        <v>509</v>
      </c>
      <c r="AW12" s="1" t="s">
        <v>509</v>
      </c>
      <c r="AX12" s="1" t="s">
        <v>514</v>
      </c>
      <c r="AY12" s="1" t="s">
        <v>523</v>
      </c>
      <c r="AZ12" s="1"/>
      <c r="BA12" s="1"/>
      <c r="BB12" s="1"/>
      <c r="BC12" s="1"/>
      <c r="BD12" s="1"/>
      <c r="BE12" s="1" t="s">
        <v>511</v>
      </c>
      <c r="BF12" s="1" t="s">
        <v>511</v>
      </c>
      <c r="BG12" s="1">
        <v>1E-3</v>
      </c>
      <c r="BH12" s="1" t="s">
        <v>512</v>
      </c>
      <c r="BI12" s="1" t="s">
        <v>510</v>
      </c>
      <c r="BJ12" s="1"/>
      <c r="BK12" s="1" t="s">
        <v>513</v>
      </c>
      <c r="BL12" s="1" t="s">
        <v>518</v>
      </c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7708333333333338</v>
      </c>
      <c r="C13" s="1" t="s">
        <v>476</v>
      </c>
      <c r="D13" s="1" t="s">
        <v>27</v>
      </c>
      <c r="E13" s="1" t="s">
        <v>70</v>
      </c>
      <c r="F13" s="1" t="s">
        <v>274</v>
      </c>
      <c r="G13" s="1" t="s">
        <v>158</v>
      </c>
      <c r="J13" s="1" t="s">
        <v>30</v>
      </c>
      <c r="K13" s="1" t="s">
        <v>206</v>
      </c>
      <c r="M13" s="1" t="s">
        <v>32</v>
      </c>
      <c r="N13" s="1" t="s">
        <v>33</v>
      </c>
      <c r="O13" s="1" t="s">
        <v>157</v>
      </c>
      <c r="P13" s="1" t="s">
        <v>35</v>
      </c>
      <c r="Q13" s="1" t="s">
        <v>55</v>
      </c>
      <c r="S13" s="1" t="s">
        <v>130</v>
      </c>
      <c r="U13" s="1">
        <v>9.6999999999999993</v>
      </c>
      <c r="V13" s="3">
        <v>13</v>
      </c>
      <c r="W13" s="1" t="s">
        <v>508</v>
      </c>
      <c r="X13" s="1">
        <v>0.38</v>
      </c>
      <c r="Y13" s="1">
        <v>4.5999999999999999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3.0000000000000001E-3</v>
      </c>
      <c r="BO13" s="1"/>
      <c r="BP13" s="1"/>
      <c r="BQ13" s="1">
        <v>30</v>
      </c>
      <c r="BR13" s="1"/>
      <c r="BS13" s="1"/>
      <c r="BT13" s="1">
        <v>12</v>
      </c>
      <c r="BU13" s="1"/>
      <c r="BV13" s="1"/>
      <c r="BW13" s="1"/>
      <c r="BX13" s="1"/>
      <c r="BY13" s="1"/>
      <c r="BZ13" s="1"/>
    </row>
    <row r="14" spans="1:78" x14ac:dyDescent="0.15">
      <c r="B14" s="2">
        <v>0.37708333333333338</v>
      </c>
      <c r="C14" s="1" t="s">
        <v>478</v>
      </c>
      <c r="D14" s="1" t="s">
        <v>27</v>
      </c>
      <c r="E14" s="1" t="s">
        <v>70</v>
      </c>
      <c r="G14" s="1" t="s">
        <v>223</v>
      </c>
      <c r="J14" s="1" t="s">
        <v>127</v>
      </c>
      <c r="N14" s="1" t="s">
        <v>33</v>
      </c>
      <c r="P14" s="1" t="s">
        <v>35</v>
      </c>
      <c r="Q14" s="1" t="s">
        <v>36</v>
      </c>
      <c r="S14" s="1" t="s">
        <v>32</v>
      </c>
      <c r="U14" s="1">
        <v>5.6</v>
      </c>
      <c r="V14" s="1"/>
      <c r="W14" s="1"/>
      <c r="X14" s="1">
        <v>0.34</v>
      </c>
      <c r="Y14" s="1">
        <v>4.3999999999999997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09</v>
      </c>
      <c r="BD14" s="1">
        <v>0.14000000000000001</v>
      </c>
      <c r="BE14" s="1"/>
      <c r="BF14" s="1"/>
      <c r="BG14" s="1"/>
      <c r="BH14" s="1"/>
      <c r="BI14" s="1"/>
      <c r="BJ14" s="1"/>
      <c r="BK14" s="1"/>
      <c r="BL14" s="1"/>
      <c r="BM14" s="1">
        <v>0.04</v>
      </c>
      <c r="BN14" s="1">
        <v>2.4E-2</v>
      </c>
      <c r="BO14" s="1"/>
      <c r="BP14" s="1"/>
      <c r="BQ14" s="1">
        <v>32.40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7708333333333338</v>
      </c>
      <c r="C15" s="1" t="s">
        <v>553</v>
      </c>
      <c r="D15" s="1" t="s">
        <v>27</v>
      </c>
      <c r="E15" s="1" t="s">
        <v>70</v>
      </c>
      <c r="J15" s="1" t="s">
        <v>237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4027777777777773</v>
      </c>
      <c r="C16" s="1" t="s">
        <v>476</v>
      </c>
      <c r="D16" s="1" t="s">
        <v>43</v>
      </c>
      <c r="E16" s="1" t="s">
        <v>477</v>
      </c>
      <c r="F16" s="1" t="s">
        <v>159</v>
      </c>
      <c r="G16" s="1" t="s">
        <v>272</v>
      </c>
      <c r="J16" s="1" t="s">
        <v>30</v>
      </c>
      <c r="K16" s="1" t="s">
        <v>271</v>
      </c>
      <c r="M16" s="1" t="s">
        <v>49</v>
      </c>
      <c r="N16" s="1" t="s">
        <v>33</v>
      </c>
      <c r="O16" s="1" t="s">
        <v>208</v>
      </c>
      <c r="P16" s="1" t="s">
        <v>35</v>
      </c>
      <c r="Q16" s="1" t="s">
        <v>36</v>
      </c>
      <c r="S16" s="1" t="s">
        <v>41</v>
      </c>
      <c r="U16" s="1">
        <v>6.8</v>
      </c>
      <c r="V16" s="3">
        <v>49</v>
      </c>
      <c r="W16" s="1" t="s">
        <v>508</v>
      </c>
      <c r="X16" s="1">
        <v>0.35</v>
      </c>
      <c r="Y16" s="1">
        <v>5.6000000000000001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11</v>
      </c>
      <c r="BD16" s="1">
        <v>0.16</v>
      </c>
      <c r="BE16" s="1"/>
      <c r="BF16" s="1"/>
      <c r="BG16" s="1"/>
      <c r="BH16" s="1"/>
      <c r="BI16" s="1"/>
      <c r="BJ16" s="1"/>
      <c r="BK16" s="1"/>
      <c r="BL16" s="1"/>
      <c r="BM16" s="1" t="s">
        <v>533</v>
      </c>
      <c r="BN16" s="1">
        <v>3.5000000000000003E-2</v>
      </c>
      <c r="BO16" s="1"/>
      <c r="BP16" s="1"/>
      <c r="BQ16" s="1">
        <v>31.16</v>
      </c>
      <c r="BR16" s="1"/>
      <c r="BS16" s="1"/>
      <c r="BT16" s="1">
        <v>6.4</v>
      </c>
      <c r="BU16" s="1"/>
      <c r="BV16" s="1"/>
      <c r="BW16" s="1"/>
      <c r="BX16" s="1"/>
      <c r="BY16" s="1"/>
      <c r="BZ16" s="1"/>
    </row>
    <row r="17" spans="1:78" x14ac:dyDescent="0.15">
      <c r="B17" s="2">
        <v>0.34027777777777773</v>
      </c>
      <c r="C17" s="1" t="s">
        <v>478</v>
      </c>
      <c r="D17" s="1" t="s">
        <v>43</v>
      </c>
      <c r="E17" s="1" t="s">
        <v>477</v>
      </c>
      <c r="G17" s="1" t="s">
        <v>275</v>
      </c>
      <c r="J17" s="1" t="s">
        <v>176</v>
      </c>
      <c r="N17" s="1" t="s">
        <v>33</v>
      </c>
      <c r="P17" s="1" t="s">
        <v>35</v>
      </c>
      <c r="Q17" s="1" t="s">
        <v>36</v>
      </c>
      <c r="S17" s="1" t="s">
        <v>111</v>
      </c>
      <c r="U17" s="1">
        <v>5.8</v>
      </c>
      <c r="V17" s="1"/>
      <c r="W17" s="1"/>
      <c r="X17" s="1">
        <v>0.36</v>
      </c>
      <c r="Y17" s="1">
        <v>5.8000000000000003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11</v>
      </c>
      <c r="BD17" s="1">
        <v>0.16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>
        <v>3.5999999999999997E-2</v>
      </c>
      <c r="BO17" s="1"/>
      <c r="BP17" s="1"/>
      <c r="BQ17" s="1">
        <v>31.5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4027777777777773</v>
      </c>
      <c r="C18" s="1" t="s">
        <v>553</v>
      </c>
      <c r="D18" s="1" t="s">
        <v>43</v>
      </c>
      <c r="E18" s="1" t="s">
        <v>477</v>
      </c>
      <c r="J18" s="1" t="s">
        <v>219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5416666666666669</v>
      </c>
      <c r="C19" s="1" t="s">
        <v>476</v>
      </c>
      <c r="D19" s="1" t="s">
        <v>43</v>
      </c>
      <c r="E19" s="1" t="s">
        <v>70</v>
      </c>
      <c r="F19" s="1" t="s">
        <v>276</v>
      </c>
      <c r="G19" s="1" t="s">
        <v>277</v>
      </c>
      <c r="J19" s="1" t="s">
        <v>30</v>
      </c>
      <c r="K19" s="1" t="s">
        <v>271</v>
      </c>
      <c r="M19" s="1" t="s">
        <v>37</v>
      </c>
      <c r="N19" s="1" t="s">
        <v>33</v>
      </c>
      <c r="O19" s="1" t="s">
        <v>157</v>
      </c>
      <c r="P19" s="1" t="s">
        <v>35</v>
      </c>
      <c r="Q19" s="1" t="s">
        <v>40</v>
      </c>
      <c r="S19" s="1" t="s">
        <v>125</v>
      </c>
      <c r="U19" s="1">
        <v>7.2</v>
      </c>
      <c r="V19" s="3">
        <v>170</v>
      </c>
      <c r="W19" s="1" t="s">
        <v>508</v>
      </c>
      <c r="X19" s="1">
        <v>0.82</v>
      </c>
      <c r="Y19" s="1">
        <v>8.8999999999999996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54</v>
      </c>
      <c r="BD19" s="1">
        <v>0.59</v>
      </c>
      <c r="BE19" s="1"/>
      <c r="BF19" s="1"/>
      <c r="BG19" s="1"/>
      <c r="BH19" s="1"/>
      <c r="BI19" s="1"/>
      <c r="BJ19" s="1"/>
      <c r="BK19" s="1"/>
      <c r="BL19" s="1"/>
      <c r="BM19" s="1">
        <v>0.05</v>
      </c>
      <c r="BN19" s="1">
        <v>7.0999999999999994E-2</v>
      </c>
      <c r="BO19" s="1"/>
      <c r="BP19" s="1"/>
      <c r="BQ19" s="1">
        <v>25.85</v>
      </c>
      <c r="BR19" s="1"/>
      <c r="BS19" s="1"/>
      <c r="BT19" s="1">
        <v>2.9</v>
      </c>
      <c r="BU19" s="1"/>
      <c r="BV19" s="1"/>
      <c r="BW19" s="1"/>
      <c r="BX19" s="1"/>
      <c r="BY19" s="1"/>
      <c r="BZ19" s="1"/>
    </row>
    <row r="20" spans="1:78" x14ac:dyDescent="0.15">
      <c r="B20" s="2">
        <v>0.35416666666666669</v>
      </c>
      <c r="C20" s="1" t="s">
        <v>478</v>
      </c>
      <c r="D20" s="1" t="s">
        <v>43</v>
      </c>
      <c r="E20" s="1" t="s">
        <v>70</v>
      </c>
      <c r="G20" s="1" t="s">
        <v>89</v>
      </c>
      <c r="J20" s="1" t="s">
        <v>176</v>
      </c>
      <c r="N20" s="1" t="s">
        <v>33</v>
      </c>
      <c r="P20" s="1" t="s">
        <v>35</v>
      </c>
      <c r="Q20" s="1" t="s">
        <v>40</v>
      </c>
      <c r="S20" s="1" t="s">
        <v>170</v>
      </c>
      <c r="U20" s="1">
        <v>6.5</v>
      </c>
      <c r="V20" s="1"/>
      <c r="W20" s="1"/>
      <c r="X20" s="1">
        <v>0.46</v>
      </c>
      <c r="Y20" s="1">
        <v>5.8999999999999997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26</v>
      </c>
      <c r="BD20" s="1">
        <v>0.31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0.04</v>
      </c>
      <c r="BO20" s="1"/>
      <c r="BP20" s="1"/>
      <c r="BQ20" s="1">
        <v>30.4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5416666666666669</v>
      </c>
      <c r="C21" s="1" t="s">
        <v>553</v>
      </c>
      <c r="D21" s="1" t="s">
        <v>43</v>
      </c>
      <c r="E21" s="1" t="s">
        <v>70</v>
      </c>
      <c r="J21" s="1" t="s">
        <v>219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7152777777777773</v>
      </c>
      <c r="C22" s="1" t="s">
        <v>476</v>
      </c>
      <c r="D22" s="1" t="s">
        <v>43</v>
      </c>
      <c r="E22" s="1" t="s">
        <v>44</v>
      </c>
      <c r="F22" s="1" t="s">
        <v>278</v>
      </c>
      <c r="G22" s="1" t="s">
        <v>200</v>
      </c>
      <c r="J22" s="1" t="s">
        <v>30</v>
      </c>
      <c r="K22" s="1" t="s">
        <v>129</v>
      </c>
      <c r="M22" s="1" t="s">
        <v>207</v>
      </c>
      <c r="N22" s="1" t="s">
        <v>33</v>
      </c>
      <c r="O22" s="1" t="s">
        <v>208</v>
      </c>
      <c r="P22" s="1" t="s">
        <v>35</v>
      </c>
      <c r="Q22" s="1" t="s">
        <v>36</v>
      </c>
      <c r="S22" s="1" t="s">
        <v>126</v>
      </c>
      <c r="U22" s="1">
        <v>8</v>
      </c>
      <c r="V22" s="3">
        <v>790</v>
      </c>
      <c r="W22" s="1" t="s">
        <v>508</v>
      </c>
      <c r="X22" s="1">
        <v>0.52</v>
      </c>
      <c r="Y22" s="1">
        <v>5.1999999999999998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2</v>
      </c>
      <c r="BC22" s="1">
        <v>0.21</v>
      </c>
      <c r="BD22" s="1">
        <v>0.26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2.5000000000000001E-2</v>
      </c>
      <c r="BO22" s="1"/>
      <c r="BP22" s="1"/>
      <c r="BQ22" s="1">
        <v>31.56</v>
      </c>
      <c r="BR22" s="1"/>
      <c r="BS22" s="1"/>
      <c r="BT22" s="1">
        <v>7.8</v>
      </c>
      <c r="BU22" s="1"/>
      <c r="BV22" s="1"/>
      <c r="BW22" s="1"/>
      <c r="BX22" s="1"/>
      <c r="BY22" s="1"/>
      <c r="BZ22" s="1"/>
    </row>
    <row r="23" spans="1:78" x14ac:dyDescent="0.15">
      <c r="B23" s="2">
        <v>0.37152777777777773</v>
      </c>
      <c r="C23" s="1" t="s">
        <v>478</v>
      </c>
      <c r="D23" s="1" t="s">
        <v>43</v>
      </c>
      <c r="E23" s="1" t="s">
        <v>44</v>
      </c>
      <c r="G23" s="1" t="s">
        <v>233</v>
      </c>
      <c r="J23" s="1" t="s">
        <v>209</v>
      </c>
      <c r="N23" s="1" t="s">
        <v>33</v>
      </c>
      <c r="P23" s="1" t="s">
        <v>35</v>
      </c>
      <c r="Q23" s="1" t="s">
        <v>36</v>
      </c>
      <c r="S23" s="1" t="s">
        <v>156</v>
      </c>
      <c r="U23" s="1">
        <v>8.3000000000000007</v>
      </c>
      <c r="V23" s="1"/>
      <c r="W23" s="1"/>
      <c r="X23" s="1">
        <v>0.45</v>
      </c>
      <c r="Y23" s="1">
        <v>4.3999999999999997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2</v>
      </c>
      <c r="BC23" s="1">
        <v>0.19</v>
      </c>
      <c r="BD23" s="1">
        <v>0.24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2.7E-2</v>
      </c>
      <c r="BO23" s="1"/>
      <c r="BP23" s="1"/>
      <c r="BQ23" s="1">
        <v>31.95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7152777777777773</v>
      </c>
      <c r="C24" s="1" t="s">
        <v>553</v>
      </c>
      <c r="D24" s="1" t="s">
        <v>43</v>
      </c>
      <c r="E24" s="1" t="s">
        <v>44</v>
      </c>
      <c r="J24" s="1" t="s">
        <v>237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36388888888888887</v>
      </c>
      <c r="C25" s="1" t="s">
        <v>476</v>
      </c>
      <c r="D25" s="1" t="s">
        <v>43</v>
      </c>
      <c r="E25" s="1" t="s">
        <v>107</v>
      </c>
      <c r="F25" s="1" t="s">
        <v>279</v>
      </c>
      <c r="G25" s="1" t="s">
        <v>140</v>
      </c>
      <c r="J25" s="1" t="s">
        <v>30</v>
      </c>
      <c r="K25" s="1" t="s">
        <v>280</v>
      </c>
      <c r="M25" s="1" t="s">
        <v>116</v>
      </c>
      <c r="N25" s="1" t="s">
        <v>33</v>
      </c>
      <c r="O25" s="1" t="s">
        <v>208</v>
      </c>
      <c r="P25" s="1" t="s">
        <v>35</v>
      </c>
      <c r="Q25" s="1" t="s">
        <v>36</v>
      </c>
      <c r="S25" s="1" t="s">
        <v>149</v>
      </c>
      <c r="U25" s="1">
        <v>7.8</v>
      </c>
      <c r="V25" s="3">
        <v>79</v>
      </c>
      <c r="W25" s="1" t="s">
        <v>508</v>
      </c>
      <c r="X25" s="1">
        <v>0.59</v>
      </c>
      <c r="Y25" s="1">
        <v>4.8000000000000001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2</v>
      </c>
      <c r="BC25" s="1">
        <v>0.26</v>
      </c>
      <c r="BD25" s="1">
        <v>0.31</v>
      </c>
      <c r="BE25" s="1"/>
      <c r="BF25" s="1"/>
      <c r="BG25" s="1"/>
      <c r="BH25" s="1"/>
      <c r="BI25" s="1"/>
      <c r="BJ25" s="1"/>
      <c r="BK25" s="1"/>
      <c r="BL25" s="1"/>
      <c r="BM25" s="1" t="s">
        <v>533</v>
      </c>
      <c r="BN25" s="1">
        <v>3.1E-2</v>
      </c>
      <c r="BO25" s="1"/>
      <c r="BP25" s="1"/>
      <c r="BQ25" s="1">
        <v>31.67</v>
      </c>
      <c r="BR25" s="1"/>
      <c r="BS25" s="1"/>
      <c r="BT25" s="1">
        <v>4.3</v>
      </c>
      <c r="BU25" s="1"/>
      <c r="BV25" s="1"/>
      <c r="BW25" s="1"/>
      <c r="BX25" s="1"/>
      <c r="BY25" s="1"/>
      <c r="BZ25" s="1"/>
    </row>
    <row r="26" spans="1:78" x14ac:dyDescent="0.15">
      <c r="B26" s="2">
        <v>0.36388888888888887</v>
      </c>
      <c r="C26" s="1" t="s">
        <v>478</v>
      </c>
      <c r="D26" s="1" t="s">
        <v>43</v>
      </c>
      <c r="E26" s="1" t="s">
        <v>107</v>
      </c>
      <c r="G26" s="1" t="s">
        <v>242</v>
      </c>
      <c r="J26" s="1" t="s">
        <v>238</v>
      </c>
      <c r="N26" s="1" t="s">
        <v>33</v>
      </c>
      <c r="P26" s="1" t="s">
        <v>35</v>
      </c>
      <c r="Q26" s="1" t="s">
        <v>36</v>
      </c>
      <c r="S26" s="1" t="s">
        <v>156</v>
      </c>
      <c r="U26" s="1">
        <v>7.6</v>
      </c>
      <c r="V26" s="1"/>
      <c r="W26" s="1"/>
      <c r="X26" s="1">
        <v>0.4</v>
      </c>
      <c r="Y26" s="1">
        <v>3.6999999999999998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1</v>
      </c>
      <c r="BD26" s="1">
        <v>0.16</v>
      </c>
      <c r="BE26" s="1"/>
      <c r="BF26" s="1"/>
      <c r="BG26" s="1"/>
      <c r="BH26" s="1"/>
      <c r="BI26" s="1"/>
      <c r="BJ26" s="1"/>
      <c r="BK26" s="1"/>
      <c r="BL26" s="1"/>
      <c r="BM26" s="1" t="s">
        <v>533</v>
      </c>
      <c r="BN26" s="1">
        <v>2.4E-2</v>
      </c>
      <c r="BO26" s="1"/>
      <c r="BP26" s="1"/>
      <c r="BQ26" s="1">
        <v>32.58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6388888888888887</v>
      </c>
      <c r="C27" s="1" t="s">
        <v>553</v>
      </c>
      <c r="D27" s="1" t="s">
        <v>43</v>
      </c>
      <c r="E27" s="1" t="s">
        <v>107</v>
      </c>
      <c r="J27" s="1" t="s">
        <v>281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36</v>
      </c>
      <c r="B28" s="2">
        <v>0.35069444444444442</v>
      </c>
      <c r="C28" s="1" t="s">
        <v>476</v>
      </c>
      <c r="D28" s="1" t="s">
        <v>27</v>
      </c>
      <c r="E28" s="1" t="s">
        <v>70</v>
      </c>
      <c r="F28" s="1" t="s">
        <v>282</v>
      </c>
      <c r="G28" s="1" t="s">
        <v>209</v>
      </c>
      <c r="J28" s="1" t="s">
        <v>30</v>
      </c>
      <c r="K28" s="1" t="s">
        <v>173</v>
      </c>
      <c r="M28" s="1" t="s">
        <v>179</v>
      </c>
      <c r="N28" s="1" t="s">
        <v>33</v>
      </c>
      <c r="O28" s="1" t="s">
        <v>208</v>
      </c>
      <c r="P28" s="1" t="s">
        <v>35</v>
      </c>
      <c r="Q28" s="1" t="s">
        <v>36</v>
      </c>
      <c r="S28" s="1" t="s">
        <v>104</v>
      </c>
      <c r="U28" s="1">
        <v>10.199999999999999</v>
      </c>
      <c r="V28" s="3">
        <v>33</v>
      </c>
      <c r="W28" s="1" t="s">
        <v>508</v>
      </c>
      <c r="X28" s="1">
        <v>0.5</v>
      </c>
      <c r="Y28" s="1">
        <v>4.2000000000000003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4</v>
      </c>
      <c r="BC28" s="1">
        <v>0.26</v>
      </c>
      <c r="BD28" s="1">
        <v>0.31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2.3E-2</v>
      </c>
      <c r="BO28" s="1"/>
      <c r="BP28" s="1"/>
      <c r="BQ28" s="1">
        <v>32.58</v>
      </c>
      <c r="BR28" s="1" t="s">
        <v>531</v>
      </c>
      <c r="BS28" s="1"/>
      <c r="BT28" s="1">
        <v>2.9</v>
      </c>
      <c r="BU28" s="1"/>
      <c r="BV28" s="1"/>
      <c r="BW28" s="1"/>
      <c r="BX28" s="1"/>
      <c r="BY28" s="1"/>
      <c r="BZ28" s="1"/>
    </row>
    <row r="29" spans="1:78" x14ac:dyDescent="0.15">
      <c r="B29" s="2">
        <v>0.35069444444444442</v>
      </c>
      <c r="C29" s="1" t="s">
        <v>478</v>
      </c>
      <c r="D29" s="1" t="s">
        <v>27</v>
      </c>
      <c r="E29" s="1" t="s">
        <v>70</v>
      </c>
      <c r="G29" s="1" t="s">
        <v>181</v>
      </c>
      <c r="J29" s="1" t="s">
        <v>244</v>
      </c>
      <c r="N29" s="1" t="s">
        <v>33</v>
      </c>
      <c r="P29" s="1" t="s">
        <v>35</v>
      </c>
      <c r="Q29" s="1" t="s">
        <v>36</v>
      </c>
      <c r="S29" s="1" t="s">
        <v>114</v>
      </c>
      <c r="U29" s="1">
        <v>9</v>
      </c>
      <c r="V29" s="1"/>
      <c r="W29" s="1"/>
      <c r="X29" s="1">
        <v>0.49</v>
      </c>
      <c r="Y29" s="1">
        <v>4.1000000000000002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4</v>
      </c>
      <c r="BC29" s="1">
        <v>0.24</v>
      </c>
      <c r="BD29" s="1">
        <v>0.28999999999999998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2.1000000000000001E-2</v>
      </c>
      <c r="BO29" s="1"/>
      <c r="BP29" s="1"/>
      <c r="BQ29" s="1">
        <v>32.659999999999997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5069444444444442</v>
      </c>
      <c r="C30" s="1" t="s">
        <v>553</v>
      </c>
      <c r="D30" s="1" t="s">
        <v>27</v>
      </c>
      <c r="E30" s="1" t="s">
        <v>70</v>
      </c>
      <c r="J30" s="1" t="s">
        <v>281</v>
      </c>
      <c r="N30" s="1" t="s">
        <v>33</v>
      </c>
      <c r="U30" s="1"/>
      <c r="V30" s="1"/>
      <c r="W30" s="1"/>
      <c r="X30" s="1"/>
      <c r="Y30" s="1"/>
      <c r="Z30" s="1"/>
      <c r="AC30" s="1" t="s">
        <v>509</v>
      </c>
      <c r="AD30" s="1" t="s">
        <v>510</v>
      </c>
      <c r="AE30" s="1" t="s">
        <v>513</v>
      </c>
      <c r="AF30" s="1" t="s">
        <v>512</v>
      </c>
      <c r="AG30" s="1" t="s">
        <v>511</v>
      </c>
      <c r="AH30" s="1" t="s">
        <v>513</v>
      </c>
      <c r="AI30" s="1"/>
      <c r="AJ30" s="1"/>
      <c r="AK30" s="1" t="s">
        <v>514</v>
      </c>
      <c r="AL30" s="1" t="s">
        <v>514</v>
      </c>
      <c r="AM30" s="1" t="s">
        <v>514</v>
      </c>
      <c r="AN30" s="1" t="s">
        <v>514</v>
      </c>
      <c r="AO30" s="1" t="s">
        <v>514</v>
      </c>
      <c r="AP30" t="s">
        <v>514</v>
      </c>
      <c r="AQ30" s="1" t="s">
        <v>514</v>
      </c>
      <c r="AR30" s="1" t="s">
        <v>514</v>
      </c>
      <c r="AS30" s="1" t="s">
        <v>514</v>
      </c>
      <c r="AT30" s="1" t="s">
        <v>517</v>
      </c>
      <c r="AU30" s="1" t="s">
        <v>513</v>
      </c>
      <c r="AV30" s="1" t="s">
        <v>509</v>
      </c>
      <c r="AW30" s="1" t="s">
        <v>509</v>
      </c>
      <c r="AX30" s="1" t="s">
        <v>514</v>
      </c>
      <c r="AY30" s="1" t="s">
        <v>523</v>
      </c>
      <c r="AZ30" s="1"/>
      <c r="BA30" s="1"/>
      <c r="BB30" s="1"/>
      <c r="BC30" s="1"/>
      <c r="BD30" s="1"/>
      <c r="BE30" t="s">
        <v>511</v>
      </c>
      <c r="BF30" s="1" t="s">
        <v>511</v>
      </c>
      <c r="BG30" s="1">
        <v>8.9999999999999998E-4</v>
      </c>
      <c r="BH30" s="1" t="s">
        <v>512</v>
      </c>
      <c r="BI30" s="1" t="s">
        <v>510</v>
      </c>
      <c r="BJ30" s="1"/>
      <c r="BK30" s="1" t="s">
        <v>513</v>
      </c>
      <c r="BL30" s="1" t="s">
        <v>518</v>
      </c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4375</v>
      </c>
      <c r="C31" s="1" t="s">
        <v>476</v>
      </c>
      <c r="D31" s="1" t="s">
        <v>51</v>
      </c>
      <c r="E31" s="1" t="s">
        <v>477</v>
      </c>
      <c r="F31" s="1" t="s">
        <v>96</v>
      </c>
      <c r="G31" s="1" t="s">
        <v>271</v>
      </c>
      <c r="J31" s="1" t="s">
        <v>30</v>
      </c>
      <c r="K31" s="1" t="s">
        <v>206</v>
      </c>
      <c r="M31" s="1" t="s">
        <v>207</v>
      </c>
      <c r="N31" s="1" t="s">
        <v>33</v>
      </c>
      <c r="O31" s="1" t="s">
        <v>208</v>
      </c>
      <c r="P31" s="1" t="s">
        <v>35</v>
      </c>
      <c r="Q31" s="1" t="s">
        <v>36</v>
      </c>
      <c r="S31" s="1" t="s">
        <v>170</v>
      </c>
      <c r="U31" s="1">
        <v>9.3000000000000007</v>
      </c>
      <c r="V31" s="3">
        <v>49</v>
      </c>
      <c r="W31" s="1" t="s">
        <v>508</v>
      </c>
      <c r="X31" s="1">
        <v>0.52</v>
      </c>
      <c r="Y31" s="1">
        <v>2.7E-2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2</v>
      </c>
      <c r="BC31" s="1">
        <v>0.31</v>
      </c>
      <c r="BD31" s="1">
        <v>0.36</v>
      </c>
      <c r="BF31" s="1"/>
      <c r="BG31" s="1"/>
      <c r="BH31" s="1"/>
      <c r="BI31" s="1"/>
      <c r="BJ31" s="1"/>
      <c r="BK31" s="1"/>
      <c r="BL31" s="1"/>
      <c r="BM31" s="1">
        <v>0.04</v>
      </c>
      <c r="BN31" s="1">
        <v>8.9999999999999993E-3</v>
      </c>
      <c r="BO31" s="1"/>
      <c r="BP31" s="1"/>
      <c r="BQ31" s="1">
        <v>32.4</v>
      </c>
      <c r="BR31" s="1"/>
      <c r="BS31" s="1"/>
      <c r="BT31" s="1">
        <v>1.9</v>
      </c>
      <c r="BU31" s="1"/>
      <c r="BV31" s="1"/>
      <c r="BW31" s="1"/>
      <c r="BX31" s="1"/>
      <c r="BY31" s="1"/>
      <c r="BZ31" s="1"/>
    </row>
    <row r="32" spans="1:78" x14ac:dyDescent="0.15">
      <c r="B32" s="2">
        <v>0.34375</v>
      </c>
      <c r="C32" s="1" t="s">
        <v>478</v>
      </c>
      <c r="D32" s="1" t="s">
        <v>51</v>
      </c>
      <c r="E32" s="1" t="s">
        <v>477</v>
      </c>
      <c r="G32" s="1" t="s">
        <v>268</v>
      </c>
      <c r="J32" s="1" t="s">
        <v>127</v>
      </c>
      <c r="N32" s="1" t="s">
        <v>33</v>
      </c>
      <c r="P32" s="1" t="s">
        <v>35</v>
      </c>
      <c r="Q32" s="1" t="s">
        <v>84</v>
      </c>
      <c r="S32" s="1" t="s">
        <v>54</v>
      </c>
      <c r="U32" s="1">
        <v>9.1999999999999993</v>
      </c>
      <c r="V32" s="1"/>
      <c r="W32" s="1"/>
      <c r="X32" s="1">
        <v>0.46</v>
      </c>
      <c r="Y32" s="1">
        <v>2.3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24</v>
      </c>
      <c r="BD32" s="1">
        <v>0.28999999999999998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0999999999999999E-2</v>
      </c>
      <c r="BO32" s="1"/>
      <c r="BP32" s="1"/>
      <c r="BQ32" s="1">
        <v>32.659999999999997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4375</v>
      </c>
      <c r="C33" s="1" t="s">
        <v>553</v>
      </c>
      <c r="D33" s="1" t="s">
        <v>51</v>
      </c>
      <c r="E33" s="1" t="s">
        <v>477</v>
      </c>
      <c r="J33" s="1" t="s">
        <v>237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6249999999999999</v>
      </c>
      <c r="C34" s="1" t="s">
        <v>476</v>
      </c>
      <c r="D34" s="1" t="s">
        <v>43</v>
      </c>
      <c r="E34" s="1" t="s">
        <v>477</v>
      </c>
      <c r="F34" s="1" t="s">
        <v>271</v>
      </c>
      <c r="G34" s="1" t="s">
        <v>173</v>
      </c>
      <c r="J34" s="1" t="s">
        <v>30</v>
      </c>
      <c r="K34" s="1" t="s">
        <v>269</v>
      </c>
      <c r="M34" s="1" t="s">
        <v>222</v>
      </c>
      <c r="N34" s="1" t="s">
        <v>33</v>
      </c>
      <c r="O34" s="1" t="s">
        <v>208</v>
      </c>
      <c r="P34" s="1" t="s">
        <v>35</v>
      </c>
      <c r="Q34" s="1" t="s">
        <v>84</v>
      </c>
      <c r="S34" s="1" t="s">
        <v>104</v>
      </c>
      <c r="U34" s="1">
        <v>9.6</v>
      </c>
      <c r="V34" s="3">
        <v>790</v>
      </c>
      <c r="W34" s="1" t="s">
        <v>508</v>
      </c>
      <c r="X34" s="1">
        <v>0.56000000000000005</v>
      </c>
      <c r="Y34" s="1">
        <v>2.4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31</v>
      </c>
      <c r="BD34" s="1">
        <v>0.36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4.0000000000000001E-3</v>
      </c>
      <c r="BO34" s="1"/>
      <c r="BP34" s="1"/>
      <c r="BQ34" s="1">
        <v>31.98</v>
      </c>
      <c r="BR34" s="1"/>
      <c r="BS34" s="1"/>
      <c r="BT34" s="1">
        <v>5.5</v>
      </c>
      <c r="BU34" s="1"/>
      <c r="BV34" s="1"/>
      <c r="BW34" s="1"/>
      <c r="BX34" s="1"/>
      <c r="BY34" s="1"/>
      <c r="BZ34" s="1"/>
    </row>
    <row r="35" spans="1:78" x14ac:dyDescent="0.15">
      <c r="B35" s="2">
        <v>0.36249999999999999</v>
      </c>
      <c r="C35" s="1" t="s">
        <v>478</v>
      </c>
      <c r="D35" s="1" t="s">
        <v>43</v>
      </c>
      <c r="E35" s="1" t="s">
        <v>477</v>
      </c>
      <c r="G35" s="1" t="s">
        <v>181</v>
      </c>
      <c r="J35" s="1" t="s">
        <v>253</v>
      </c>
      <c r="N35" s="1" t="s">
        <v>33</v>
      </c>
      <c r="P35" s="1" t="s">
        <v>35</v>
      </c>
      <c r="Q35" s="1" t="s">
        <v>84</v>
      </c>
      <c r="S35" s="1" t="s">
        <v>149</v>
      </c>
      <c r="U35" s="1">
        <v>9.1999999999999993</v>
      </c>
      <c r="V35" s="1"/>
      <c r="W35" s="1"/>
      <c r="X35" s="1">
        <v>0.5</v>
      </c>
      <c r="Y35" s="1">
        <v>2.9000000000000001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26</v>
      </c>
      <c r="BD35" s="1">
        <v>0.31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8.0000000000000002E-3</v>
      </c>
      <c r="BO35" s="1"/>
      <c r="BP35" s="1"/>
      <c r="BQ35" s="1">
        <v>32.61999999999999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6249999999999999</v>
      </c>
      <c r="C36" s="1" t="s">
        <v>553</v>
      </c>
      <c r="D36" s="1" t="s">
        <v>43</v>
      </c>
      <c r="E36" s="1" t="s">
        <v>477</v>
      </c>
      <c r="J36" s="1" t="s">
        <v>222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1" spans="21:21" x14ac:dyDescent="0.15">
      <c r="U1481" s="1"/>
    </row>
    <row r="1482" spans="21:21" x14ac:dyDescent="0.15">
      <c r="U1482" s="1"/>
    </row>
    <row r="1483" spans="21:21" x14ac:dyDescent="0.15">
      <c r="U1483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590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85</v>
      </c>
      <c r="E1" s="1" t="s">
        <v>2</v>
      </c>
      <c r="F1" s="1" t="s">
        <v>467</v>
      </c>
      <c r="G1" s="1" t="s">
        <v>3</v>
      </c>
      <c r="H1" s="1" t="s">
        <v>48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43541666666666662</v>
      </c>
      <c r="C4" s="1" t="s">
        <v>476</v>
      </c>
      <c r="D4" s="1" t="s">
        <v>27</v>
      </c>
      <c r="E4" s="1" t="s">
        <v>70</v>
      </c>
      <c r="F4" s="1" t="s">
        <v>276</v>
      </c>
      <c r="G4" s="1" t="s">
        <v>73</v>
      </c>
      <c r="J4" s="1" t="s">
        <v>30</v>
      </c>
      <c r="K4" s="1" t="s">
        <v>166</v>
      </c>
      <c r="M4" s="1" t="s">
        <v>37</v>
      </c>
      <c r="N4" s="1" t="s">
        <v>33</v>
      </c>
      <c r="O4" s="1" t="s">
        <v>208</v>
      </c>
      <c r="P4" s="1" t="s">
        <v>35</v>
      </c>
      <c r="Q4" s="1" t="s">
        <v>36</v>
      </c>
      <c r="S4" s="1" t="s">
        <v>91</v>
      </c>
      <c r="U4" s="1">
        <v>9.5</v>
      </c>
      <c r="V4" s="1" t="s">
        <v>515</v>
      </c>
      <c r="W4" s="1"/>
      <c r="X4" s="1">
        <v>0.44</v>
      </c>
      <c r="Y4" s="1">
        <v>3.9E-2</v>
      </c>
      <c r="Z4" s="1">
        <v>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25</v>
      </c>
      <c r="BC4" s="1">
        <v>0.2</v>
      </c>
      <c r="BD4" s="1">
        <v>0.25</v>
      </c>
      <c r="BE4" s="1"/>
      <c r="BF4" s="1"/>
      <c r="BG4" s="1"/>
      <c r="BH4" s="1"/>
      <c r="BI4" s="1"/>
      <c r="BJ4" s="1"/>
      <c r="BK4" s="1"/>
      <c r="BL4" s="1"/>
      <c r="BM4" s="1">
        <v>0.06</v>
      </c>
      <c r="BN4" s="1">
        <v>1.4E-2</v>
      </c>
      <c r="BO4" s="1"/>
      <c r="BP4" s="1"/>
      <c r="BQ4" s="1">
        <v>32.17</v>
      </c>
      <c r="BR4" s="1"/>
      <c r="BS4" s="1"/>
      <c r="BT4" s="1">
        <v>24</v>
      </c>
      <c r="BU4" s="1"/>
      <c r="BV4" s="1"/>
      <c r="BW4" s="1"/>
      <c r="BX4" s="1"/>
      <c r="BY4" s="1"/>
      <c r="BZ4" s="1"/>
    </row>
    <row r="5" spans="1:78" x14ac:dyDescent="0.15">
      <c r="B5" s="2">
        <v>0.43888888888888888</v>
      </c>
      <c r="C5" s="1" t="s">
        <v>478</v>
      </c>
      <c r="D5" s="1" t="s">
        <v>27</v>
      </c>
      <c r="E5" s="1" t="s">
        <v>70</v>
      </c>
      <c r="F5" s="1" t="s">
        <v>276</v>
      </c>
      <c r="G5" s="1" t="s">
        <v>283</v>
      </c>
      <c r="J5" s="1" t="s">
        <v>61</v>
      </c>
      <c r="N5" s="1" t="s">
        <v>33</v>
      </c>
      <c r="P5" s="1" t="s">
        <v>35</v>
      </c>
      <c r="Q5" s="1" t="s">
        <v>36</v>
      </c>
      <c r="S5" s="1" t="s">
        <v>201</v>
      </c>
      <c r="U5" s="1">
        <v>8.1</v>
      </c>
      <c r="V5" s="1"/>
      <c r="W5" s="1"/>
      <c r="X5" s="1">
        <v>0.28000000000000003</v>
      </c>
      <c r="Y5" s="1">
        <v>3.4000000000000002E-2</v>
      </c>
      <c r="Z5" s="1">
        <v>3.0000000000000001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25</v>
      </c>
      <c r="BC5" s="1">
        <v>0.17</v>
      </c>
      <c r="BD5" s="1">
        <v>0.22</v>
      </c>
      <c r="BE5" s="1"/>
      <c r="BF5" s="1"/>
      <c r="BG5" s="1"/>
      <c r="BH5" s="1"/>
      <c r="BI5" s="1"/>
      <c r="BJ5" s="1"/>
      <c r="BK5" s="1"/>
      <c r="BL5" s="1"/>
      <c r="BM5" s="1">
        <v>0.04</v>
      </c>
      <c r="BN5" s="1">
        <v>0.02</v>
      </c>
      <c r="BO5" s="1"/>
      <c r="BP5" s="1"/>
      <c r="BQ5" s="1">
        <v>33.049999999999997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84</v>
      </c>
      <c r="B6" s="2">
        <v>0.40972222222222227</v>
      </c>
      <c r="C6" s="1" t="s">
        <v>476</v>
      </c>
      <c r="D6" s="1" t="s">
        <v>27</v>
      </c>
      <c r="E6" s="1" t="s">
        <v>70</v>
      </c>
      <c r="F6" s="1" t="s">
        <v>60</v>
      </c>
      <c r="G6" s="1" t="s">
        <v>167</v>
      </c>
      <c r="J6" s="1" t="s">
        <v>30</v>
      </c>
      <c r="K6" s="1" t="s">
        <v>166</v>
      </c>
      <c r="M6" s="1" t="s">
        <v>285</v>
      </c>
      <c r="N6" s="1" t="s">
        <v>33</v>
      </c>
      <c r="O6" s="1" t="s">
        <v>208</v>
      </c>
      <c r="P6" s="1" t="s">
        <v>35</v>
      </c>
      <c r="Q6" s="1" t="s">
        <v>63</v>
      </c>
      <c r="S6" s="1" t="s">
        <v>156</v>
      </c>
      <c r="U6" s="1">
        <v>8.8000000000000007</v>
      </c>
      <c r="V6" s="1" t="s">
        <v>515</v>
      </c>
      <c r="W6" s="1" t="s">
        <v>508</v>
      </c>
      <c r="X6" s="1">
        <v>0.39</v>
      </c>
      <c r="Y6" s="1">
        <v>0.02</v>
      </c>
      <c r="Z6" s="1">
        <v>2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25</v>
      </c>
      <c r="BC6" s="1">
        <v>0.09</v>
      </c>
      <c r="BD6" s="1">
        <v>0.14000000000000001</v>
      </c>
      <c r="BE6" s="1"/>
      <c r="BF6" s="1"/>
      <c r="BG6" s="1"/>
      <c r="BH6" s="1"/>
      <c r="BI6" s="1"/>
      <c r="BJ6" s="1"/>
      <c r="BK6" s="1"/>
      <c r="BL6" s="1"/>
      <c r="BM6" s="1" t="s">
        <v>533</v>
      </c>
      <c r="BN6" s="1">
        <v>8.0000000000000002E-3</v>
      </c>
      <c r="BO6" s="1"/>
      <c r="BP6" s="1"/>
      <c r="BQ6" s="1">
        <v>32.18</v>
      </c>
      <c r="BR6" s="1"/>
      <c r="BS6" s="1"/>
      <c r="BT6" s="1">
        <v>9.8000000000000007</v>
      </c>
      <c r="BU6" s="1"/>
      <c r="BV6" s="1"/>
      <c r="BW6" s="1"/>
      <c r="BX6" s="1"/>
      <c r="BY6" s="1"/>
      <c r="BZ6" s="1"/>
    </row>
    <row r="7" spans="1:78" x14ac:dyDescent="0.15">
      <c r="B7" s="2">
        <v>0.41319444444444442</v>
      </c>
      <c r="C7" s="1" t="s">
        <v>478</v>
      </c>
      <c r="D7" s="1" t="s">
        <v>27</v>
      </c>
      <c r="E7" s="1" t="s">
        <v>70</v>
      </c>
      <c r="F7" s="1" t="s">
        <v>60</v>
      </c>
      <c r="G7" s="1" t="s">
        <v>216</v>
      </c>
      <c r="J7" s="1" t="s">
        <v>61</v>
      </c>
      <c r="N7" s="1" t="s">
        <v>33</v>
      </c>
      <c r="P7" s="1" t="s">
        <v>35</v>
      </c>
      <c r="Q7" s="1" t="s">
        <v>84</v>
      </c>
      <c r="S7" s="1" t="s">
        <v>286</v>
      </c>
      <c r="U7" s="1">
        <v>7.1</v>
      </c>
      <c r="V7" s="1"/>
      <c r="W7" s="1"/>
      <c r="X7" s="1">
        <v>0.52</v>
      </c>
      <c r="Y7" s="1">
        <v>2.5999999999999999E-2</v>
      </c>
      <c r="Z7" s="1">
        <v>3.0000000000000001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25</v>
      </c>
      <c r="BC7" s="1">
        <v>0.12</v>
      </c>
      <c r="BD7" s="1">
        <v>0.17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1.0999999999999999E-2</v>
      </c>
      <c r="BO7" s="1"/>
      <c r="BP7" s="1"/>
      <c r="BQ7" s="1">
        <v>32.95000000000000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44791666666666669</v>
      </c>
      <c r="C8" s="1" t="s">
        <v>476</v>
      </c>
      <c r="D8" s="1" t="s">
        <v>51</v>
      </c>
      <c r="E8" s="1" t="s">
        <v>70</v>
      </c>
      <c r="F8" s="1" t="s">
        <v>287</v>
      </c>
      <c r="G8" s="1" t="s">
        <v>232</v>
      </c>
      <c r="J8" s="1" t="s">
        <v>30</v>
      </c>
      <c r="K8" s="1" t="s">
        <v>166</v>
      </c>
      <c r="M8" s="1" t="s">
        <v>163</v>
      </c>
      <c r="N8" s="1" t="s">
        <v>33</v>
      </c>
      <c r="O8" s="1" t="s">
        <v>288</v>
      </c>
      <c r="P8" s="1" t="s">
        <v>35</v>
      </c>
      <c r="Q8" s="1" t="s">
        <v>55</v>
      </c>
      <c r="S8" s="1" t="s">
        <v>207</v>
      </c>
      <c r="U8" s="1">
        <v>10.4</v>
      </c>
      <c r="V8" s="1" t="s">
        <v>515</v>
      </c>
      <c r="W8" s="1"/>
      <c r="X8" s="1">
        <v>0.68</v>
      </c>
      <c r="Y8" s="1">
        <v>6.7000000000000004E-2</v>
      </c>
      <c r="Z8" s="1">
        <v>2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25</v>
      </c>
      <c r="BC8" s="1" t="s">
        <v>525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>
        <v>0.08</v>
      </c>
      <c r="BN8" s="1">
        <v>1.2999999999999999E-2</v>
      </c>
      <c r="BO8" s="1"/>
      <c r="BP8" s="1"/>
      <c r="BQ8" s="1">
        <v>30.46</v>
      </c>
      <c r="BR8" s="1"/>
      <c r="BS8" s="1"/>
      <c r="BT8" s="1">
        <v>36</v>
      </c>
      <c r="BU8" s="1"/>
      <c r="BV8" s="1"/>
      <c r="BW8" s="1"/>
      <c r="BX8" s="1"/>
      <c r="BY8" s="1"/>
      <c r="BZ8" s="1"/>
    </row>
    <row r="9" spans="1:78" x14ac:dyDescent="0.15">
      <c r="B9" s="2">
        <v>0.4513888888888889</v>
      </c>
      <c r="C9" s="1" t="s">
        <v>478</v>
      </c>
      <c r="D9" s="1" t="s">
        <v>51</v>
      </c>
      <c r="E9" s="1" t="s">
        <v>70</v>
      </c>
      <c r="F9" s="1" t="s">
        <v>287</v>
      </c>
      <c r="G9" s="1" t="s">
        <v>112</v>
      </c>
      <c r="J9" s="1" t="s">
        <v>61</v>
      </c>
      <c r="N9" s="1" t="s">
        <v>33</v>
      </c>
      <c r="P9" s="1" t="s">
        <v>35</v>
      </c>
      <c r="Q9" s="1" t="s">
        <v>40</v>
      </c>
      <c r="S9" s="1" t="s">
        <v>54</v>
      </c>
      <c r="U9" s="1">
        <v>5.6</v>
      </c>
      <c r="V9" s="1"/>
      <c r="W9" s="1"/>
      <c r="X9" s="1">
        <v>0.3</v>
      </c>
      <c r="Y9" s="1">
        <v>3.7999999999999999E-2</v>
      </c>
      <c r="Z9" s="1">
        <v>2E-3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25</v>
      </c>
      <c r="BC9" s="1">
        <v>0.08</v>
      </c>
      <c r="BD9" s="1">
        <v>0.13</v>
      </c>
      <c r="BE9" s="1"/>
      <c r="BF9" s="1"/>
      <c r="BG9" s="1"/>
      <c r="BH9" s="1"/>
      <c r="BI9" s="1"/>
      <c r="BJ9" s="1"/>
      <c r="BK9" s="1"/>
      <c r="BL9" s="1"/>
      <c r="BM9" s="1" t="s">
        <v>533</v>
      </c>
      <c r="BN9" s="1">
        <v>2.7E-2</v>
      </c>
      <c r="BO9" s="1"/>
      <c r="BP9" s="1"/>
      <c r="BQ9" s="1">
        <v>33.75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89</v>
      </c>
      <c r="B10" s="2">
        <v>0.41388888888888892</v>
      </c>
      <c r="C10" s="1" t="s">
        <v>476</v>
      </c>
      <c r="D10" s="1" t="s">
        <v>43</v>
      </c>
      <c r="E10" s="1" t="s">
        <v>70</v>
      </c>
      <c r="F10" s="1" t="s">
        <v>153</v>
      </c>
      <c r="G10" s="1" t="s">
        <v>89</v>
      </c>
      <c r="J10" s="1" t="s">
        <v>30</v>
      </c>
      <c r="K10" s="1" t="s">
        <v>166</v>
      </c>
      <c r="M10" s="1" t="s">
        <v>37</v>
      </c>
      <c r="N10" s="1" t="s">
        <v>33</v>
      </c>
      <c r="O10" s="1" t="s">
        <v>208</v>
      </c>
      <c r="P10" s="1" t="s">
        <v>35</v>
      </c>
      <c r="Q10" s="1" t="s">
        <v>84</v>
      </c>
      <c r="S10" s="1" t="s">
        <v>149</v>
      </c>
      <c r="U10" s="1">
        <v>7.5</v>
      </c>
      <c r="V10" s="1" t="s">
        <v>515</v>
      </c>
      <c r="W10" s="1"/>
      <c r="X10" s="1">
        <v>0.43</v>
      </c>
      <c r="Y10" s="1">
        <v>4.4999999999999998E-2</v>
      </c>
      <c r="Z10" s="1">
        <v>6.0000000000000001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25</v>
      </c>
      <c r="BC10" s="1">
        <v>0.08</v>
      </c>
      <c r="BD10" s="1">
        <v>0.13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2.5000000000000001E-2</v>
      </c>
      <c r="BO10" s="1"/>
      <c r="BP10" s="1"/>
      <c r="BQ10" s="1">
        <v>32.6</v>
      </c>
      <c r="BR10" s="1"/>
      <c r="BS10" s="1"/>
      <c r="BT10" s="1">
        <v>13</v>
      </c>
      <c r="BU10" s="1"/>
      <c r="BV10" s="1"/>
      <c r="BW10" s="1"/>
      <c r="BX10" s="1"/>
      <c r="BY10" s="1"/>
      <c r="BZ10" s="1"/>
    </row>
    <row r="11" spans="1:78" x14ac:dyDescent="0.15">
      <c r="B11" s="2">
        <v>0.41666666666666669</v>
      </c>
      <c r="C11" s="1" t="s">
        <v>478</v>
      </c>
      <c r="D11" s="1" t="s">
        <v>43</v>
      </c>
      <c r="E11" s="1" t="s">
        <v>70</v>
      </c>
      <c r="F11" s="1" t="s">
        <v>153</v>
      </c>
      <c r="G11" s="1" t="s">
        <v>290</v>
      </c>
      <c r="J11" s="1" t="s">
        <v>61</v>
      </c>
      <c r="N11" s="1" t="s">
        <v>33</v>
      </c>
      <c r="P11" s="1" t="s">
        <v>35</v>
      </c>
      <c r="Q11" s="1" t="s">
        <v>84</v>
      </c>
      <c r="S11" s="1" t="s">
        <v>62</v>
      </c>
      <c r="U11" s="1">
        <v>6.6</v>
      </c>
      <c r="V11" s="1"/>
      <c r="W11" s="1"/>
      <c r="X11" s="1">
        <v>0.32</v>
      </c>
      <c r="Y11" s="1">
        <v>4.2999999999999997E-2</v>
      </c>
      <c r="Z11" s="1">
        <v>2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25</v>
      </c>
      <c r="BC11" s="1">
        <v>0.09</v>
      </c>
      <c r="BD11" s="1">
        <v>0.14000000000000001</v>
      </c>
      <c r="BE11" s="1"/>
      <c r="BF11" s="1"/>
      <c r="BG11" s="1"/>
      <c r="BH11" s="1"/>
      <c r="BI11" s="1"/>
      <c r="BJ11" s="1"/>
      <c r="BK11" s="1"/>
      <c r="BL11" s="1"/>
      <c r="BM11" s="1" t="s">
        <v>533</v>
      </c>
      <c r="BN11" s="1">
        <v>3.2000000000000001E-2</v>
      </c>
      <c r="BO11" s="1"/>
      <c r="BP11" s="1"/>
      <c r="BQ11" s="1">
        <v>32.979999999999997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1666666666666669</v>
      </c>
      <c r="C12" s="1" t="s">
        <v>553</v>
      </c>
      <c r="D12" s="1" t="s">
        <v>43</v>
      </c>
      <c r="E12" s="1" t="s">
        <v>70</v>
      </c>
      <c r="J12" s="1" t="s">
        <v>291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26</v>
      </c>
      <c r="AV12" s="1" t="s">
        <v>509</v>
      </c>
      <c r="AW12" s="1" t="s">
        <v>523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26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42222222222222222</v>
      </c>
      <c r="C13" s="1" t="s">
        <v>476</v>
      </c>
      <c r="D13" s="1" t="s">
        <v>27</v>
      </c>
      <c r="E13" s="1" t="s">
        <v>70</v>
      </c>
      <c r="F13" s="1" t="s">
        <v>292</v>
      </c>
      <c r="G13" s="1" t="s">
        <v>293</v>
      </c>
      <c r="J13" s="1" t="s">
        <v>30</v>
      </c>
      <c r="K13" s="1" t="s">
        <v>166</v>
      </c>
      <c r="M13" s="1" t="s">
        <v>47</v>
      </c>
      <c r="N13" s="1" t="s">
        <v>33</v>
      </c>
      <c r="O13" s="1" t="s">
        <v>208</v>
      </c>
      <c r="P13" s="1" t="s">
        <v>35</v>
      </c>
      <c r="Q13" s="1" t="s">
        <v>55</v>
      </c>
      <c r="S13" s="1" t="s">
        <v>131</v>
      </c>
      <c r="U13" s="1">
        <v>9.1999999999999993</v>
      </c>
      <c r="V13" s="1" t="s">
        <v>515</v>
      </c>
      <c r="W13" s="1" t="s">
        <v>508</v>
      </c>
      <c r="X13" s="1">
        <v>0.42</v>
      </c>
      <c r="Y13" s="1">
        <v>0.04</v>
      </c>
      <c r="Z13" s="1">
        <v>4.0000000000000001E-3</v>
      </c>
      <c r="AA13" s="1" t="s">
        <v>562</v>
      </c>
      <c r="AB13" s="1" t="s">
        <v>563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25</v>
      </c>
      <c r="BC13" s="1" t="s">
        <v>525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8.0000000000000002E-3</v>
      </c>
      <c r="BO13" s="1"/>
      <c r="BP13" s="1"/>
      <c r="BQ13" s="1">
        <v>30.64</v>
      </c>
      <c r="BR13" s="1" t="s">
        <v>531</v>
      </c>
      <c r="BS13" s="1" t="s">
        <v>511</v>
      </c>
      <c r="BT13" s="1">
        <v>13</v>
      </c>
      <c r="BU13" s="1"/>
      <c r="BV13" s="1"/>
      <c r="BW13" s="1"/>
      <c r="BX13" s="1"/>
      <c r="BY13" s="1"/>
      <c r="BZ13" s="1"/>
    </row>
    <row r="14" spans="1:78" x14ac:dyDescent="0.15">
      <c r="B14" s="2">
        <v>0.42708333333333331</v>
      </c>
      <c r="C14" s="1" t="s">
        <v>478</v>
      </c>
      <c r="D14" s="1" t="s">
        <v>27</v>
      </c>
      <c r="E14" s="1" t="s">
        <v>70</v>
      </c>
      <c r="F14" s="1" t="s">
        <v>292</v>
      </c>
      <c r="G14" s="1" t="s">
        <v>294</v>
      </c>
      <c r="J14" s="1" t="s">
        <v>61</v>
      </c>
      <c r="N14" s="1" t="s">
        <v>33</v>
      </c>
      <c r="P14" s="1" t="s">
        <v>35</v>
      </c>
      <c r="Q14" s="1" t="s">
        <v>36</v>
      </c>
      <c r="S14" s="1" t="s">
        <v>156</v>
      </c>
      <c r="U14" s="1">
        <v>5.7</v>
      </c>
      <c r="V14" s="1"/>
      <c r="W14" s="1"/>
      <c r="X14" s="1">
        <v>0.35</v>
      </c>
      <c r="Y14" s="1">
        <v>0.04</v>
      </c>
      <c r="Z14" s="1">
        <v>4.0000000000000001E-3</v>
      </c>
      <c r="AA14" s="1" t="s">
        <v>562</v>
      </c>
      <c r="AB14" s="1" t="s">
        <v>558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25</v>
      </c>
      <c r="BC14" s="1">
        <v>0.1</v>
      </c>
      <c r="BD14" s="1">
        <v>0.15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2.8000000000000001E-2</v>
      </c>
      <c r="BO14" s="1"/>
      <c r="BP14" s="1"/>
      <c r="BQ14" s="1">
        <v>33.72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2708333333333331</v>
      </c>
      <c r="C15" s="1" t="s">
        <v>553</v>
      </c>
      <c r="D15" s="1" t="s">
        <v>27</v>
      </c>
      <c r="E15" s="1" t="s">
        <v>70</v>
      </c>
      <c r="J15" s="1" t="s">
        <v>291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6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7</v>
      </c>
      <c r="AL15" s="1" t="s">
        <v>517</v>
      </c>
      <c r="AM15" s="1" t="s">
        <v>517</v>
      </c>
      <c r="AN15" s="1" t="s">
        <v>517</v>
      </c>
      <c r="AO15" s="1" t="s">
        <v>517</v>
      </c>
      <c r="AP15" t="s">
        <v>517</v>
      </c>
      <c r="AQ15" s="1" t="s">
        <v>517</v>
      </c>
      <c r="AR15" s="1" t="s">
        <v>517</v>
      </c>
      <c r="AS15" s="1" t="s">
        <v>517</v>
      </c>
      <c r="AT15" s="1" t="s">
        <v>527</v>
      </c>
      <c r="AU15" s="1"/>
      <c r="AV15" s="1"/>
      <c r="AW15" s="1"/>
      <c r="AX15" s="1" t="s">
        <v>517</v>
      </c>
      <c r="AY15" s="1" t="s">
        <v>523</v>
      </c>
      <c r="AZ15" s="1"/>
      <c r="BA15" s="1"/>
      <c r="BB15" s="1"/>
      <c r="BC15" s="1"/>
      <c r="BD15" s="1"/>
      <c r="BE15" s="1"/>
      <c r="BF15" s="1" t="s">
        <v>511</v>
      </c>
      <c r="BG15" s="1" t="s">
        <v>510</v>
      </c>
      <c r="BH15" s="1" t="s">
        <v>512</v>
      </c>
      <c r="BI15" s="1" t="s">
        <v>510</v>
      </c>
      <c r="BJ15" s="1"/>
      <c r="BK15" s="1"/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4145833333333333</v>
      </c>
      <c r="C16" s="1" t="s">
        <v>476</v>
      </c>
      <c r="D16" s="1" t="s">
        <v>43</v>
      </c>
      <c r="E16" s="1" t="s">
        <v>70</v>
      </c>
      <c r="F16" s="1" t="s">
        <v>252</v>
      </c>
      <c r="G16" s="1" t="s">
        <v>295</v>
      </c>
      <c r="J16" s="1" t="s">
        <v>30</v>
      </c>
      <c r="K16" s="1" t="s">
        <v>166</v>
      </c>
      <c r="M16" s="1" t="s">
        <v>101</v>
      </c>
      <c r="N16" s="1" t="s">
        <v>33</v>
      </c>
      <c r="O16" s="1" t="s">
        <v>208</v>
      </c>
      <c r="P16" s="1" t="s">
        <v>35</v>
      </c>
      <c r="Q16" s="1" t="s">
        <v>36</v>
      </c>
      <c r="S16" s="1" t="s">
        <v>57</v>
      </c>
      <c r="U16" s="1">
        <v>6.7</v>
      </c>
      <c r="V16" s="1" t="s">
        <v>515</v>
      </c>
      <c r="W16" s="1"/>
      <c r="X16" s="1">
        <v>0.45</v>
      </c>
      <c r="Y16" s="1">
        <v>5.2999999999999999E-2</v>
      </c>
      <c r="Z16" s="1" t="s">
        <v>518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25</v>
      </c>
      <c r="BC16" s="1">
        <v>0.09</v>
      </c>
      <c r="BD16" s="1">
        <v>0.14000000000000001</v>
      </c>
      <c r="BE16" s="1"/>
      <c r="BF16" s="1"/>
      <c r="BG16" s="1"/>
      <c r="BH16" s="1"/>
      <c r="BI16" s="1"/>
      <c r="BJ16" s="1"/>
      <c r="BK16" s="1"/>
      <c r="BL16" s="1"/>
      <c r="BM16" s="1">
        <v>0.04</v>
      </c>
      <c r="BN16" s="1">
        <v>3.6999999999999998E-2</v>
      </c>
      <c r="BO16" s="1"/>
      <c r="BP16" s="1"/>
      <c r="BQ16" s="1">
        <v>32.119999999999997</v>
      </c>
      <c r="BR16" s="1"/>
      <c r="BS16" s="1"/>
      <c r="BT16" s="1">
        <v>2</v>
      </c>
      <c r="BU16" s="1"/>
      <c r="BV16" s="1"/>
      <c r="BW16" s="1"/>
      <c r="BX16" s="1"/>
      <c r="BY16" s="1"/>
      <c r="BZ16" s="1"/>
    </row>
    <row r="17" spans="1:78" x14ac:dyDescent="0.15">
      <c r="B17" s="2">
        <v>0.41805555555555557</v>
      </c>
      <c r="C17" s="1" t="s">
        <v>478</v>
      </c>
      <c r="D17" s="1" t="s">
        <v>43</v>
      </c>
      <c r="E17" s="1" t="s">
        <v>70</v>
      </c>
      <c r="F17" s="1" t="s">
        <v>252</v>
      </c>
      <c r="G17" s="1" t="s">
        <v>296</v>
      </c>
      <c r="J17" s="1" t="s">
        <v>61</v>
      </c>
      <c r="N17" s="1" t="s">
        <v>33</v>
      </c>
      <c r="P17" s="1" t="s">
        <v>35</v>
      </c>
      <c r="Q17" s="1" t="s">
        <v>36</v>
      </c>
      <c r="S17" s="1" t="s">
        <v>170</v>
      </c>
      <c r="U17" s="1">
        <v>5.7</v>
      </c>
      <c r="V17" s="1"/>
      <c r="W17" s="1"/>
      <c r="X17" s="1">
        <v>0.4</v>
      </c>
      <c r="Y17" s="1">
        <v>5.0999999999999997E-2</v>
      </c>
      <c r="Z17" s="1">
        <v>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25</v>
      </c>
      <c r="BC17" s="1">
        <v>0.09</v>
      </c>
      <c r="BD17" s="1">
        <v>0.14000000000000001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>
        <v>3.9E-2</v>
      </c>
      <c r="BO17" s="1"/>
      <c r="BP17" s="1"/>
      <c r="BQ17" s="1">
        <v>32.229999999999997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/>
      <c r="B18" s="2">
        <v>0.41805555555555557</v>
      </c>
      <c r="C18" s="1" t="s">
        <v>553</v>
      </c>
      <c r="D18" s="1"/>
      <c r="E18" s="1"/>
      <c r="F18" s="1"/>
      <c r="G18" s="1"/>
      <c r="H18" s="1"/>
      <c r="I18" s="1"/>
      <c r="J18" s="1">
        <v>7.75</v>
      </c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972222222222222</v>
      </c>
      <c r="C19" s="1" t="s">
        <v>476</v>
      </c>
      <c r="D19" s="1" t="s">
        <v>43</v>
      </c>
      <c r="E19" s="1" t="s">
        <v>70</v>
      </c>
      <c r="F19" s="1" t="s">
        <v>297</v>
      </c>
      <c r="G19" s="1" t="s">
        <v>88</v>
      </c>
      <c r="J19" s="1" t="s">
        <v>30</v>
      </c>
      <c r="K19" s="1" t="s">
        <v>166</v>
      </c>
      <c r="M19" s="1" t="s">
        <v>49</v>
      </c>
      <c r="N19" s="1" t="s">
        <v>33</v>
      </c>
      <c r="O19" s="1" t="s">
        <v>208</v>
      </c>
      <c r="P19" s="1" t="s">
        <v>35</v>
      </c>
      <c r="Q19" s="1" t="s">
        <v>36</v>
      </c>
      <c r="S19" s="1" t="s">
        <v>125</v>
      </c>
      <c r="U19" s="1">
        <v>7.7</v>
      </c>
      <c r="V19" s="3">
        <v>330</v>
      </c>
      <c r="W19" s="1"/>
      <c r="X19" s="1">
        <v>0.96</v>
      </c>
      <c r="Y19" s="1">
        <v>9.1999999999999998E-2</v>
      </c>
      <c r="Z19" s="1">
        <v>3.0000000000000001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25</v>
      </c>
      <c r="BC19" s="1">
        <v>0.61</v>
      </c>
      <c r="BD19" s="1">
        <v>0.66</v>
      </c>
      <c r="BE19" s="1"/>
      <c r="BF19" s="1"/>
      <c r="BG19" s="1"/>
      <c r="BH19" s="1"/>
      <c r="BI19" s="1"/>
      <c r="BJ19" s="1"/>
      <c r="BK19" s="1"/>
      <c r="BL19" s="1"/>
      <c r="BM19" s="1">
        <v>0.15</v>
      </c>
      <c r="BN19" s="1">
        <v>7.9000000000000001E-2</v>
      </c>
      <c r="BO19" s="1"/>
      <c r="BP19" s="1"/>
      <c r="BQ19" s="1">
        <v>23.46</v>
      </c>
      <c r="BR19" s="1"/>
      <c r="BS19" s="1"/>
      <c r="BT19" s="1">
        <v>3.5</v>
      </c>
      <c r="BU19" s="1"/>
      <c r="BV19" s="1"/>
      <c r="BW19" s="1"/>
      <c r="BX19" s="1"/>
      <c r="BY19" s="1"/>
      <c r="BZ19" s="1"/>
    </row>
    <row r="20" spans="1:78" x14ac:dyDescent="0.15">
      <c r="B20" s="2">
        <v>0.40069444444444446</v>
      </c>
      <c r="C20" s="1" t="s">
        <v>478</v>
      </c>
      <c r="D20" s="1" t="s">
        <v>43</v>
      </c>
      <c r="E20" s="1" t="s">
        <v>70</v>
      </c>
      <c r="F20" s="1" t="s">
        <v>297</v>
      </c>
      <c r="G20" s="1" t="s">
        <v>65</v>
      </c>
      <c r="J20" s="1" t="s">
        <v>61</v>
      </c>
      <c r="N20" s="1" t="s">
        <v>33</v>
      </c>
      <c r="P20" s="1" t="s">
        <v>35</v>
      </c>
      <c r="Q20" s="1" t="s">
        <v>36</v>
      </c>
      <c r="S20" s="1" t="s">
        <v>54</v>
      </c>
      <c r="U20" s="1">
        <v>7.1</v>
      </c>
      <c r="V20" s="1"/>
      <c r="W20" s="1"/>
      <c r="X20" s="1">
        <v>0.48</v>
      </c>
      <c r="Y20" s="1">
        <v>5.1999999999999998E-2</v>
      </c>
      <c r="Z20" s="1">
        <v>2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25</v>
      </c>
      <c r="BC20" s="1">
        <v>0.19</v>
      </c>
      <c r="BD20" s="1">
        <v>0.24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4.2000000000000003E-2</v>
      </c>
      <c r="BO20" s="1"/>
      <c r="BP20" s="1"/>
      <c r="BQ20" s="1">
        <v>31.41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/>
      <c r="B21" s="2">
        <v>0.40069444444444446</v>
      </c>
      <c r="C21" s="1" t="s">
        <v>553</v>
      </c>
      <c r="D21" s="1"/>
      <c r="E21" s="1"/>
      <c r="F21" s="1"/>
      <c r="G21" s="1"/>
      <c r="H21" s="1"/>
      <c r="I21" s="1"/>
      <c r="J21" s="1">
        <v>7.75</v>
      </c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4145833333333333</v>
      </c>
      <c r="C22" s="1" t="s">
        <v>476</v>
      </c>
      <c r="D22" s="1" t="s">
        <v>43</v>
      </c>
      <c r="E22" s="1" t="s">
        <v>44</v>
      </c>
      <c r="F22" s="1" t="s">
        <v>262</v>
      </c>
      <c r="G22" s="1" t="s">
        <v>134</v>
      </c>
      <c r="J22" s="1" t="s">
        <v>30</v>
      </c>
      <c r="K22" s="1" t="s">
        <v>166</v>
      </c>
      <c r="M22" s="1" t="s">
        <v>240</v>
      </c>
      <c r="N22" s="1" t="s">
        <v>33</v>
      </c>
      <c r="O22" s="1" t="s">
        <v>298</v>
      </c>
      <c r="P22" s="1" t="s">
        <v>35</v>
      </c>
      <c r="Q22" s="1" t="s">
        <v>84</v>
      </c>
      <c r="S22" s="1" t="s">
        <v>91</v>
      </c>
      <c r="U22" s="1">
        <v>8.1999999999999993</v>
      </c>
      <c r="V22" s="3">
        <v>2</v>
      </c>
      <c r="W22" s="1" t="s">
        <v>508</v>
      </c>
      <c r="X22" s="1">
        <v>0.45</v>
      </c>
      <c r="Y22" s="1">
        <v>4.7E-2</v>
      </c>
      <c r="Z22" s="1">
        <v>2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25</v>
      </c>
      <c r="BC22" s="1">
        <v>0.18</v>
      </c>
      <c r="BD22" s="1">
        <v>0.23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2.7E-2</v>
      </c>
      <c r="BO22" s="1"/>
      <c r="BP22" s="1"/>
      <c r="BQ22" s="1">
        <v>32.01</v>
      </c>
      <c r="BR22" s="1"/>
      <c r="BS22" s="1"/>
      <c r="BT22" s="1">
        <v>8.6</v>
      </c>
      <c r="BU22" s="1"/>
      <c r="BV22" s="1"/>
      <c r="BW22" s="1"/>
      <c r="BX22" s="1"/>
      <c r="BY22" s="1"/>
      <c r="BZ22" s="1"/>
    </row>
    <row r="23" spans="1:78" x14ac:dyDescent="0.15">
      <c r="B23" s="2">
        <v>0.41805555555555557</v>
      </c>
      <c r="C23" s="1" t="s">
        <v>478</v>
      </c>
      <c r="D23" s="1" t="s">
        <v>43</v>
      </c>
      <c r="E23" s="1" t="s">
        <v>44</v>
      </c>
      <c r="F23" s="1" t="s">
        <v>262</v>
      </c>
      <c r="G23" s="1" t="s">
        <v>299</v>
      </c>
      <c r="J23" s="1" t="s">
        <v>61</v>
      </c>
      <c r="N23" s="1" t="s">
        <v>33</v>
      </c>
      <c r="P23" s="1" t="s">
        <v>35</v>
      </c>
      <c r="Q23" s="1" t="s">
        <v>84</v>
      </c>
      <c r="S23" s="1" t="s">
        <v>170</v>
      </c>
      <c r="U23" s="1">
        <v>8.3000000000000007</v>
      </c>
      <c r="V23" s="1"/>
      <c r="W23" s="1"/>
      <c r="X23" s="1">
        <v>0.47</v>
      </c>
      <c r="Y23" s="1">
        <v>4.4999999999999998E-2</v>
      </c>
      <c r="Z23" s="1">
        <v>3.0000000000000001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25</v>
      </c>
      <c r="BC23" s="1">
        <v>0.17</v>
      </c>
      <c r="BD23" s="1">
        <v>0.22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2.8000000000000001E-2</v>
      </c>
      <c r="BO23" s="1"/>
      <c r="BP23" s="1"/>
      <c r="BQ23" s="1">
        <v>32.020000000000003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/>
      <c r="B24" s="2">
        <v>0.41805555555555557</v>
      </c>
      <c r="C24" s="1" t="s">
        <v>553</v>
      </c>
      <c r="D24" s="1"/>
      <c r="E24" s="1"/>
      <c r="F24" s="1"/>
      <c r="G24" s="1"/>
      <c r="H24" s="1"/>
      <c r="I24" s="1"/>
      <c r="J24" s="1">
        <v>7.75</v>
      </c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4069444444444445</v>
      </c>
      <c r="C25" s="1" t="s">
        <v>476</v>
      </c>
      <c r="D25" s="1" t="s">
        <v>27</v>
      </c>
      <c r="E25" s="1" t="s">
        <v>107</v>
      </c>
      <c r="F25" s="1" t="s">
        <v>200</v>
      </c>
      <c r="G25" s="1" t="s">
        <v>300</v>
      </c>
      <c r="J25" s="1" t="s">
        <v>30</v>
      </c>
      <c r="K25" s="1" t="s">
        <v>166</v>
      </c>
      <c r="M25" s="1" t="s">
        <v>40</v>
      </c>
      <c r="N25" s="1" t="s">
        <v>33</v>
      </c>
      <c r="O25" s="1" t="s">
        <v>208</v>
      </c>
      <c r="P25" s="1" t="s">
        <v>35</v>
      </c>
      <c r="Q25" s="1" t="s">
        <v>36</v>
      </c>
      <c r="S25" s="1" t="s">
        <v>201</v>
      </c>
      <c r="U25" s="1">
        <v>7.8</v>
      </c>
      <c r="V25" s="1" t="s">
        <v>515</v>
      </c>
      <c r="W25" s="1"/>
      <c r="X25" s="1">
        <v>0.37</v>
      </c>
      <c r="Y25" s="1">
        <v>3.4000000000000002E-2</v>
      </c>
      <c r="Z25" s="1">
        <v>4.0000000000000001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25</v>
      </c>
      <c r="BC25" s="1">
        <v>0.18</v>
      </c>
      <c r="BD25" s="1">
        <v>0.23</v>
      </c>
      <c r="BE25" s="1"/>
      <c r="BF25" s="1"/>
      <c r="BG25" s="1"/>
      <c r="BH25" s="1"/>
      <c r="BI25" s="1"/>
      <c r="BJ25" s="1"/>
      <c r="BK25" s="1"/>
      <c r="BL25" s="1"/>
      <c r="BM25" s="1">
        <v>0.04</v>
      </c>
      <c r="BN25" s="1">
        <v>2.1999999999999999E-2</v>
      </c>
      <c r="BO25" s="1"/>
      <c r="BP25" s="1"/>
      <c r="BQ25" s="1">
        <v>32.619999999999997</v>
      </c>
      <c r="BR25" s="1"/>
      <c r="BS25" s="1"/>
      <c r="BT25" s="1">
        <v>3</v>
      </c>
      <c r="BU25" s="1"/>
      <c r="BV25" s="1"/>
      <c r="BW25" s="1"/>
      <c r="BX25" s="1"/>
      <c r="BY25" s="1"/>
      <c r="BZ25" s="1"/>
    </row>
    <row r="26" spans="1:78" x14ac:dyDescent="0.15">
      <c r="B26" s="2">
        <v>0.40972222222222227</v>
      </c>
      <c r="C26" s="1" t="s">
        <v>478</v>
      </c>
      <c r="D26" s="1" t="s">
        <v>27</v>
      </c>
      <c r="E26" s="1" t="s">
        <v>107</v>
      </c>
      <c r="F26" s="1" t="s">
        <v>200</v>
      </c>
      <c r="G26" s="1" t="s">
        <v>140</v>
      </c>
      <c r="J26" s="1" t="s">
        <v>61</v>
      </c>
      <c r="N26" s="1" t="s">
        <v>33</v>
      </c>
      <c r="P26" s="1" t="s">
        <v>35</v>
      </c>
      <c r="Q26" s="1" t="s">
        <v>36</v>
      </c>
      <c r="S26" s="1" t="s">
        <v>114</v>
      </c>
      <c r="U26" s="1">
        <v>7</v>
      </c>
      <c r="V26" s="1"/>
      <c r="W26" s="1"/>
      <c r="X26" s="1">
        <v>0.33</v>
      </c>
      <c r="Y26" s="1">
        <v>3.4000000000000002E-2</v>
      </c>
      <c r="Z26" s="1">
        <v>2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25</v>
      </c>
      <c r="BC26" s="1">
        <v>0.14000000000000001</v>
      </c>
      <c r="BD26" s="1">
        <v>0.19</v>
      </c>
      <c r="BE26" s="1"/>
      <c r="BF26" s="1"/>
      <c r="BG26" s="1"/>
      <c r="BH26" s="1"/>
      <c r="BI26" s="1"/>
      <c r="BJ26" s="1"/>
      <c r="BK26" s="1"/>
      <c r="BL26" s="1"/>
      <c r="BM26" s="1" t="s">
        <v>533</v>
      </c>
      <c r="BN26" s="1">
        <v>2.5000000000000001E-2</v>
      </c>
      <c r="BO26" s="1"/>
      <c r="BP26" s="1"/>
      <c r="BQ26" s="1">
        <v>33.380000000000003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/>
      <c r="B27" s="2">
        <v>0.40972222222222227</v>
      </c>
      <c r="C27" s="1" t="s">
        <v>553</v>
      </c>
      <c r="D27" s="1"/>
      <c r="E27" s="1"/>
      <c r="F27" s="1"/>
      <c r="G27" s="1"/>
      <c r="H27" s="1"/>
      <c r="I27" s="1"/>
      <c r="J27" s="1">
        <v>7.75</v>
      </c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40277777777777773</v>
      </c>
      <c r="C28" s="1" t="s">
        <v>476</v>
      </c>
      <c r="D28" s="1" t="s">
        <v>43</v>
      </c>
      <c r="E28" s="1" t="s">
        <v>70</v>
      </c>
      <c r="F28" s="1" t="s">
        <v>217</v>
      </c>
      <c r="G28" s="1" t="s">
        <v>238</v>
      </c>
      <c r="J28" s="1" t="s">
        <v>30</v>
      </c>
      <c r="K28" s="1" t="s">
        <v>166</v>
      </c>
      <c r="M28" s="1" t="s">
        <v>40</v>
      </c>
      <c r="N28" s="1" t="s">
        <v>33</v>
      </c>
      <c r="O28" s="1" t="s">
        <v>208</v>
      </c>
      <c r="P28" s="1" t="s">
        <v>35</v>
      </c>
      <c r="Q28" s="1" t="s">
        <v>36</v>
      </c>
      <c r="S28" s="1" t="s">
        <v>301</v>
      </c>
      <c r="U28" s="1">
        <v>9.3000000000000007</v>
      </c>
      <c r="V28" s="1" t="s">
        <v>515</v>
      </c>
      <c r="W28" s="1"/>
      <c r="X28" s="1">
        <v>0.53</v>
      </c>
      <c r="Y28" s="1">
        <v>4.3999999999999997E-2</v>
      </c>
      <c r="Z28" s="1">
        <v>4.000000000000000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25</v>
      </c>
      <c r="BC28" s="1">
        <v>0.3</v>
      </c>
      <c r="BD28" s="1">
        <v>0.35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3.4000000000000002E-2</v>
      </c>
      <c r="BO28" s="1"/>
      <c r="BP28" s="1"/>
      <c r="BQ28" s="1">
        <v>32.909999999999997</v>
      </c>
      <c r="BR28" s="1"/>
      <c r="BS28" s="1"/>
      <c r="BT28" s="1">
        <v>6.4</v>
      </c>
      <c r="BU28" s="1"/>
      <c r="BV28" s="1"/>
      <c r="BW28" s="1"/>
      <c r="BX28" s="1"/>
      <c r="BY28" s="1"/>
      <c r="BZ28" s="1"/>
    </row>
    <row r="29" spans="1:78" x14ac:dyDescent="0.15">
      <c r="B29" s="2">
        <v>0.40625</v>
      </c>
      <c r="C29" s="1" t="s">
        <v>478</v>
      </c>
      <c r="D29" s="1" t="s">
        <v>43</v>
      </c>
      <c r="E29" s="1" t="s">
        <v>70</v>
      </c>
      <c r="F29" s="1" t="s">
        <v>217</v>
      </c>
      <c r="G29" s="1" t="s">
        <v>127</v>
      </c>
      <c r="J29" s="1" t="s">
        <v>61</v>
      </c>
      <c r="N29" s="1" t="s">
        <v>33</v>
      </c>
      <c r="P29" s="1" t="s">
        <v>35</v>
      </c>
      <c r="Q29" s="1" t="s">
        <v>36</v>
      </c>
      <c r="S29" s="1" t="s">
        <v>286</v>
      </c>
      <c r="U29" s="1">
        <v>9</v>
      </c>
      <c r="V29" s="1"/>
      <c r="W29" s="1"/>
      <c r="X29" s="1">
        <v>0.5</v>
      </c>
      <c r="Y29" s="1">
        <v>4.2999999999999997E-2</v>
      </c>
      <c r="Z29" s="1">
        <v>6.0000000000000001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25</v>
      </c>
      <c r="BC29" s="1">
        <v>0.28999999999999998</v>
      </c>
      <c r="BD29" s="1">
        <v>0.34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3.6999999999999998E-2</v>
      </c>
      <c r="BO29" s="1"/>
      <c r="BP29" s="1"/>
      <c r="BQ29" s="1">
        <v>32.869999999999997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/>
      <c r="B30" s="2">
        <v>0.40625</v>
      </c>
      <c r="C30" s="1" t="s">
        <v>553</v>
      </c>
      <c r="D30" s="1"/>
      <c r="E30" s="1"/>
      <c r="F30" s="1"/>
      <c r="G30" s="1"/>
      <c r="H30" s="1"/>
      <c r="I30" s="1"/>
      <c r="J30" s="1">
        <v>7.75</v>
      </c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40972222222222227</v>
      </c>
      <c r="C31" s="1" t="s">
        <v>476</v>
      </c>
      <c r="D31" s="1" t="s">
        <v>51</v>
      </c>
      <c r="E31" s="1" t="s">
        <v>70</v>
      </c>
      <c r="F31" s="1" t="s">
        <v>187</v>
      </c>
      <c r="G31" s="1" t="s">
        <v>302</v>
      </c>
      <c r="J31" s="1" t="s">
        <v>30</v>
      </c>
      <c r="K31" s="1" t="s">
        <v>166</v>
      </c>
      <c r="M31" s="1" t="s">
        <v>96</v>
      </c>
      <c r="N31" s="1" t="s">
        <v>33</v>
      </c>
      <c r="O31" s="1" t="s">
        <v>298</v>
      </c>
      <c r="P31" s="1" t="s">
        <v>35</v>
      </c>
      <c r="Q31" s="1" t="s">
        <v>36</v>
      </c>
      <c r="S31" s="1" t="s">
        <v>201</v>
      </c>
      <c r="U31" s="1">
        <v>9.4</v>
      </c>
      <c r="V31" s="1" t="s">
        <v>515</v>
      </c>
      <c r="W31" s="1" t="s">
        <v>508</v>
      </c>
      <c r="X31" s="1">
        <v>0.4</v>
      </c>
      <c r="Y31" s="1">
        <v>3.1E-2</v>
      </c>
      <c r="Z31" s="1">
        <v>3.0000000000000001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25</v>
      </c>
      <c r="BC31" s="1">
        <v>0.25</v>
      </c>
      <c r="BD31" s="1">
        <v>0.3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1.4999999999999999E-2</v>
      </c>
      <c r="BO31" s="1"/>
      <c r="BP31" s="1"/>
      <c r="BQ31" s="1">
        <v>32.89</v>
      </c>
      <c r="BR31" s="1" t="s">
        <v>531</v>
      </c>
      <c r="BS31" s="1"/>
      <c r="BT31" s="1">
        <v>2.2999999999999998</v>
      </c>
      <c r="BU31" s="1"/>
      <c r="BV31" s="1"/>
      <c r="BW31" s="1"/>
      <c r="BX31" s="1"/>
      <c r="BY31" s="1"/>
      <c r="BZ31" s="1"/>
    </row>
    <row r="32" spans="1:78" x14ac:dyDescent="0.15">
      <c r="B32" s="2">
        <v>0.41319444444444442</v>
      </c>
      <c r="C32" s="1" t="s">
        <v>478</v>
      </c>
      <c r="D32" s="1" t="s">
        <v>51</v>
      </c>
      <c r="E32" s="1" t="s">
        <v>70</v>
      </c>
      <c r="F32" s="1" t="s">
        <v>187</v>
      </c>
      <c r="G32" s="1" t="s">
        <v>263</v>
      </c>
      <c r="J32" s="1" t="s">
        <v>61</v>
      </c>
      <c r="N32" s="1" t="s">
        <v>33</v>
      </c>
      <c r="P32" s="1" t="s">
        <v>35</v>
      </c>
      <c r="Q32" s="1" t="s">
        <v>36</v>
      </c>
      <c r="S32" s="1" t="s">
        <v>286</v>
      </c>
      <c r="U32" s="1">
        <v>9.6</v>
      </c>
      <c r="V32" s="1"/>
      <c r="W32" s="1"/>
      <c r="X32" s="1">
        <v>0.4</v>
      </c>
      <c r="Y32" s="1">
        <v>2.4E-2</v>
      </c>
      <c r="Z32" s="1">
        <v>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25</v>
      </c>
      <c r="BC32" s="1">
        <v>0.25</v>
      </c>
      <c r="BD32" s="1">
        <v>0.3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6E-2</v>
      </c>
      <c r="BO32" s="1"/>
      <c r="BP32" s="1"/>
      <c r="BQ32" s="1">
        <v>32.93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1319444444444442</v>
      </c>
      <c r="C33" s="1" t="s">
        <v>553</v>
      </c>
      <c r="D33" s="1" t="s">
        <v>51</v>
      </c>
      <c r="E33" s="1" t="s">
        <v>70</v>
      </c>
      <c r="J33" s="1" t="s">
        <v>291</v>
      </c>
      <c r="N33" s="1" t="s">
        <v>33</v>
      </c>
      <c r="U33" s="1"/>
      <c r="V33" s="1"/>
      <c r="W33" s="1"/>
      <c r="X33" s="1"/>
      <c r="Y33" s="1"/>
      <c r="Z33" s="1"/>
      <c r="AC33" s="1" t="s">
        <v>509</v>
      </c>
      <c r="AD33" s="1" t="s">
        <v>516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7</v>
      </c>
      <c r="AL33" s="1" t="s">
        <v>517</v>
      </c>
      <c r="AM33" s="1" t="s">
        <v>517</v>
      </c>
      <c r="AN33" s="1" t="s">
        <v>517</v>
      </c>
      <c r="AO33" s="1" t="s">
        <v>517</v>
      </c>
      <c r="AP33" t="s">
        <v>517</v>
      </c>
      <c r="AQ33" s="1" t="s">
        <v>517</v>
      </c>
      <c r="AR33" s="1" t="s">
        <v>517</v>
      </c>
      <c r="AS33" s="1" t="s">
        <v>517</v>
      </c>
      <c r="AT33" s="1" t="s">
        <v>527</v>
      </c>
      <c r="AU33" s="1"/>
      <c r="AV33" s="1"/>
      <c r="AW33" s="1"/>
      <c r="AX33" s="1" t="s">
        <v>517</v>
      </c>
      <c r="AY33" s="1" t="s">
        <v>523</v>
      </c>
      <c r="AZ33" s="1"/>
      <c r="BA33" s="1"/>
      <c r="BB33" s="1"/>
      <c r="BC33" s="1"/>
      <c r="BD33" s="1"/>
      <c r="BF33" s="1" t="s">
        <v>511</v>
      </c>
      <c r="BG33" s="1" t="s">
        <v>510</v>
      </c>
      <c r="BH33" s="1" t="s">
        <v>512</v>
      </c>
      <c r="BI33" s="1" t="s">
        <v>510</v>
      </c>
      <c r="BJ33" s="1"/>
      <c r="BK33" s="1"/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9861111111111108</v>
      </c>
      <c r="C34" s="1" t="s">
        <v>476</v>
      </c>
      <c r="D34" s="1" t="s">
        <v>43</v>
      </c>
      <c r="E34" s="1" t="s">
        <v>477</v>
      </c>
      <c r="F34" s="1" t="s">
        <v>205</v>
      </c>
      <c r="G34" s="1" t="s">
        <v>176</v>
      </c>
      <c r="J34" s="1" t="s">
        <v>30</v>
      </c>
      <c r="K34" s="1" t="s">
        <v>166</v>
      </c>
      <c r="M34" s="1" t="s">
        <v>96</v>
      </c>
      <c r="N34" s="1" t="s">
        <v>33</v>
      </c>
      <c r="O34" s="1" t="s">
        <v>208</v>
      </c>
      <c r="P34" s="1" t="s">
        <v>35</v>
      </c>
      <c r="Q34" s="1" t="s">
        <v>84</v>
      </c>
      <c r="S34" s="1" t="s">
        <v>201</v>
      </c>
      <c r="U34" s="1">
        <v>10</v>
      </c>
      <c r="V34" s="3">
        <v>2</v>
      </c>
      <c r="W34" s="1"/>
      <c r="X34" s="1">
        <v>0.56000000000000005</v>
      </c>
      <c r="Y34" s="1">
        <v>2.3E-2</v>
      </c>
      <c r="Z34" s="1">
        <v>2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25</v>
      </c>
      <c r="BC34" s="1">
        <v>0.32</v>
      </c>
      <c r="BD34" s="1">
        <v>0.37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1.2999999999999999E-2</v>
      </c>
      <c r="BO34" s="1"/>
      <c r="BP34" s="1"/>
      <c r="BQ34" s="1">
        <v>32.020000000000003</v>
      </c>
      <c r="BR34" s="1"/>
      <c r="BS34" s="1"/>
      <c r="BT34" s="1">
        <v>4.7</v>
      </c>
      <c r="BU34" s="1"/>
      <c r="BV34" s="1"/>
      <c r="BW34" s="1"/>
      <c r="BX34" s="1"/>
      <c r="BY34" s="1"/>
      <c r="BZ34" s="1"/>
    </row>
    <row r="35" spans="1:78" x14ac:dyDescent="0.15">
      <c r="B35" s="2">
        <v>0.40277777777777773</v>
      </c>
      <c r="C35" s="1" t="s">
        <v>478</v>
      </c>
      <c r="D35" s="1" t="s">
        <v>43</v>
      </c>
      <c r="E35" s="1" t="s">
        <v>477</v>
      </c>
      <c r="F35" s="1" t="s">
        <v>205</v>
      </c>
      <c r="G35" s="1" t="s">
        <v>181</v>
      </c>
      <c r="J35" s="1" t="s">
        <v>61</v>
      </c>
      <c r="N35" s="1" t="s">
        <v>33</v>
      </c>
      <c r="P35" s="1" t="s">
        <v>35</v>
      </c>
      <c r="Q35" s="1" t="s">
        <v>84</v>
      </c>
      <c r="S35" s="1" t="s">
        <v>114</v>
      </c>
      <c r="U35" s="1">
        <v>9</v>
      </c>
      <c r="V35" s="1"/>
      <c r="W35" s="1"/>
      <c r="X35" s="1">
        <v>0.45</v>
      </c>
      <c r="Y35" s="1">
        <v>2.1000000000000001E-2</v>
      </c>
      <c r="Z35" s="1">
        <v>1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25</v>
      </c>
      <c r="BC35" s="1">
        <v>0.27</v>
      </c>
      <c r="BD35" s="1">
        <v>0.32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1.4E-2</v>
      </c>
      <c r="BO35" s="1"/>
      <c r="BP35" s="1"/>
      <c r="BQ35" s="1">
        <v>32.78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0277777777777773</v>
      </c>
      <c r="C36" s="1" t="s">
        <v>553</v>
      </c>
      <c r="D36" s="1" t="s">
        <v>43</v>
      </c>
      <c r="E36" s="1" t="s">
        <v>477</v>
      </c>
      <c r="J36" s="1" t="s">
        <v>291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 t="s">
        <v>526</v>
      </c>
      <c r="AV36" s="1" t="s">
        <v>509</v>
      </c>
      <c r="AW36" s="1" t="s">
        <v>523</v>
      </c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 t="s">
        <v>526</v>
      </c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49" spans="21:21" x14ac:dyDescent="0.15">
      <c r="U1449" s="1"/>
    </row>
    <row r="1450" spans="21:21" x14ac:dyDescent="0.15">
      <c r="U1450" s="1"/>
    </row>
    <row r="1451" spans="21:21" x14ac:dyDescent="0.15">
      <c r="U1451" s="1"/>
    </row>
    <row r="1452" spans="21:21" x14ac:dyDescent="0.15">
      <c r="U1452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81" spans="21:21" x14ac:dyDescent="0.15">
      <c r="U1481" s="1"/>
    </row>
    <row r="1482" spans="21:21" x14ac:dyDescent="0.15">
      <c r="U1482" s="1"/>
    </row>
    <row r="1483" spans="21:21" x14ac:dyDescent="0.15">
      <c r="U1483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  <row r="1487" spans="21:21" x14ac:dyDescent="0.15">
      <c r="U1487" s="1"/>
    </row>
    <row r="1488" spans="21:21" x14ac:dyDescent="0.15">
      <c r="U1488" s="1"/>
    </row>
    <row r="1489" spans="21:21" x14ac:dyDescent="0.15">
      <c r="U1489" s="1"/>
    </row>
    <row r="1490" spans="21:21" x14ac:dyDescent="0.15">
      <c r="U1490" s="1"/>
    </row>
    <row r="1491" spans="21:21" x14ac:dyDescent="0.15">
      <c r="U1491" s="1"/>
    </row>
    <row r="1492" spans="21:21" x14ac:dyDescent="0.15">
      <c r="U1492" s="1"/>
    </row>
    <row r="1493" spans="21:21" x14ac:dyDescent="0.15">
      <c r="U1493" s="1"/>
    </row>
    <row r="1494" spans="21:21" x14ac:dyDescent="0.15">
      <c r="U1494" s="1"/>
    </row>
    <row r="1495" spans="21:21" x14ac:dyDescent="0.15">
      <c r="U1495" s="1"/>
    </row>
    <row r="1496" spans="21:21" x14ac:dyDescent="0.15">
      <c r="U1496" s="1"/>
    </row>
    <row r="1497" spans="21:21" x14ac:dyDescent="0.15">
      <c r="U1497" s="1"/>
    </row>
    <row r="1498" spans="21:21" x14ac:dyDescent="0.15">
      <c r="U1498" s="1"/>
    </row>
    <row r="1499" spans="21:21" x14ac:dyDescent="0.15">
      <c r="U1499" s="1"/>
    </row>
    <row r="1500" spans="21:21" x14ac:dyDescent="0.15">
      <c r="U1500" s="1"/>
    </row>
    <row r="1501" spans="21:21" x14ac:dyDescent="0.15">
      <c r="U1501" s="1"/>
    </row>
    <row r="1502" spans="21:21" x14ac:dyDescent="0.15">
      <c r="U1502" s="1"/>
    </row>
    <row r="1503" spans="21:21" x14ac:dyDescent="0.15">
      <c r="U1503" s="1"/>
    </row>
    <row r="1504" spans="21:21" x14ac:dyDescent="0.15">
      <c r="U1504" s="1"/>
    </row>
    <row r="1505" spans="21:21" x14ac:dyDescent="0.15">
      <c r="U1505" s="1"/>
    </row>
    <row r="1506" spans="21:21" x14ac:dyDescent="0.15">
      <c r="U1506" s="1"/>
    </row>
    <row r="1507" spans="21:21" x14ac:dyDescent="0.15">
      <c r="U1507" s="1"/>
    </row>
    <row r="1508" spans="21:21" x14ac:dyDescent="0.15">
      <c r="U1508" s="1"/>
    </row>
    <row r="1509" spans="21:21" x14ac:dyDescent="0.15">
      <c r="U1509" s="1"/>
    </row>
    <row r="1510" spans="21:21" x14ac:dyDescent="0.15">
      <c r="U1510" s="1"/>
    </row>
    <row r="1511" spans="21:21" x14ac:dyDescent="0.15">
      <c r="U1511" s="1"/>
    </row>
    <row r="1512" spans="21:21" x14ac:dyDescent="0.15">
      <c r="U1512" s="1"/>
    </row>
    <row r="1513" spans="21:21" x14ac:dyDescent="0.15">
      <c r="U1513" s="1"/>
    </row>
    <row r="1514" spans="21:21" x14ac:dyDescent="0.15">
      <c r="U1514" s="1"/>
    </row>
    <row r="1519" spans="21:21" x14ac:dyDescent="0.15">
      <c r="U1519" s="1"/>
    </row>
    <row r="1520" spans="21:21" x14ac:dyDescent="0.15">
      <c r="U1520" s="1"/>
    </row>
    <row r="1521" spans="21:21" x14ac:dyDescent="0.15">
      <c r="U1521" s="1"/>
    </row>
    <row r="1522" spans="21:21" x14ac:dyDescent="0.15">
      <c r="U1522" s="1"/>
    </row>
    <row r="1523" spans="21:21" x14ac:dyDescent="0.15">
      <c r="U1523" s="1"/>
    </row>
    <row r="1524" spans="21:21" x14ac:dyDescent="0.15">
      <c r="U1524" s="1"/>
    </row>
    <row r="1525" spans="21:21" x14ac:dyDescent="0.15">
      <c r="U1525" s="1"/>
    </row>
    <row r="1526" spans="21:21" x14ac:dyDescent="0.15">
      <c r="U1526" s="1"/>
    </row>
    <row r="1527" spans="21:21" x14ac:dyDescent="0.15">
      <c r="U1527" s="1"/>
    </row>
    <row r="1528" spans="21:21" x14ac:dyDescent="0.15">
      <c r="U1528" s="1"/>
    </row>
    <row r="1529" spans="21:21" x14ac:dyDescent="0.15">
      <c r="U1529" s="1"/>
    </row>
    <row r="1530" spans="21:21" x14ac:dyDescent="0.15">
      <c r="U1530" s="1"/>
    </row>
    <row r="1531" spans="21:21" x14ac:dyDescent="0.15">
      <c r="U1531" s="1"/>
    </row>
    <row r="1532" spans="21:21" x14ac:dyDescent="0.15">
      <c r="U1532" s="1"/>
    </row>
    <row r="1533" spans="21:21" x14ac:dyDescent="0.15">
      <c r="U1533" s="1"/>
    </row>
    <row r="1534" spans="21:21" x14ac:dyDescent="0.15">
      <c r="U1534" s="1"/>
    </row>
    <row r="1535" spans="21:21" x14ac:dyDescent="0.15">
      <c r="U1535" s="1"/>
    </row>
    <row r="1536" spans="21:21" x14ac:dyDescent="0.15">
      <c r="U1536" s="1"/>
    </row>
    <row r="1537" spans="21:21" x14ac:dyDescent="0.15">
      <c r="U1537" s="1"/>
    </row>
    <row r="1538" spans="21:21" x14ac:dyDescent="0.15">
      <c r="U1538" s="1"/>
    </row>
    <row r="1539" spans="21:21" x14ac:dyDescent="0.15">
      <c r="U1539" s="1"/>
    </row>
    <row r="1540" spans="21:21" x14ac:dyDescent="0.15">
      <c r="U1540" s="1"/>
    </row>
    <row r="1541" spans="21:21" x14ac:dyDescent="0.15">
      <c r="U1541" s="1"/>
    </row>
    <row r="1542" spans="21:21" x14ac:dyDescent="0.15">
      <c r="U1542" s="1"/>
    </row>
    <row r="1543" spans="21:21" x14ac:dyDescent="0.15">
      <c r="U1543" s="1"/>
    </row>
    <row r="1544" spans="21:21" x14ac:dyDescent="0.15">
      <c r="U1544" s="1"/>
    </row>
    <row r="1545" spans="21:21" x14ac:dyDescent="0.15">
      <c r="U1545" s="1"/>
    </row>
    <row r="1546" spans="21:21" x14ac:dyDescent="0.15">
      <c r="U1546" s="1"/>
    </row>
    <row r="1547" spans="21:21" x14ac:dyDescent="0.15">
      <c r="U1547" s="1"/>
    </row>
    <row r="1548" spans="21:21" x14ac:dyDescent="0.15">
      <c r="U1548" s="1"/>
    </row>
    <row r="1549" spans="21:21" x14ac:dyDescent="0.15">
      <c r="U1549" s="1"/>
    </row>
    <row r="1550" spans="21:21" x14ac:dyDescent="0.15">
      <c r="U1550" s="1"/>
    </row>
    <row r="1551" spans="21:21" x14ac:dyDescent="0.15">
      <c r="U1551" s="1"/>
    </row>
    <row r="1552" spans="21:21" x14ac:dyDescent="0.15">
      <c r="U1552" s="1"/>
    </row>
    <row r="1557" spans="21:21" x14ac:dyDescent="0.15">
      <c r="U1557" s="1"/>
    </row>
    <row r="1558" spans="21:21" x14ac:dyDescent="0.15">
      <c r="U1558" s="1"/>
    </row>
    <row r="1559" spans="21:21" x14ac:dyDescent="0.15">
      <c r="U1559" s="1"/>
    </row>
    <row r="1560" spans="21:21" x14ac:dyDescent="0.15">
      <c r="U1560" s="1"/>
    </row>
    <row r="1561" spans="21:21" x14ac:dyDescent="0.15">
      <c r="U1561" s="1"/>
    </row>
    <row r="1562" spans="21:21" x14ac:dyDescent="0.15">
      <c r="U1562" s="1"/>
    </row>
    <row r="1563" spans="21:21" x14ac:dyDescent="0.15">
      <c r="U1563" s="1"/>
    </row>
    <row r="1564" spans="21:21" x14ac:dyDescent="0.15">
      <c r="U1564" s="1"/>
    </row>
    <row r="1565" spans="21:21" x14ac:dyDescent="0.15">
      <c r="U1565" s="1"/>
    </row>
    <row r="1566" spans="21:21" x14ac:dyDescent="0.15">
      <c r="U1566" s="1"/>
    </row>
    <row r="1567" spans="21:21" x14ac:dyDescent="0.15">
      <c r="U1567" s="1"/>
    </row>
    <row r="1568" spans="21:21" x14ac:dyDescent="0.15">
      <c r="U1568" s="1"/>
    </row>
    <row r="1569" spans="21:21" x14ac:dyDescent="0.15">
      <c r="U1569" s="1"/>
    </row>
    <row r="1570" spans="21:21" x14ac:dyDescent="0.15">
      <c r="U1570" s="1"/>
    </row>
    <row r="1571" spans="21:21" x14ac:dyDescent="0.15">
      <c r="U1571" s="1"/>
    </row>
    <row r="1572" spans="21:21" x14ac:dyDescent="0.15">
      <c r="U1572" s="1"/>
    </row>
    <row r="1573" spans="21:21" x14ac:dyDescent="0.15">
      <c r="U1573" s="1"/>
    </row>
    <row r="1574" spans="21:21" x14ac:dyDescent="0.15">
      <c r="U1574" s="1"/>
    </row>
    <row r="1575" spans="21:21" x14ac:dyDescent="0.15">
      <c r="U1575" s="1"/>
    </row>
    <row r="1576" spans="21:21" x14ac:dyDescent="0.15">
      <c r="U1576" s="1"/>
    </row>
    <row r="1577" spans="21:21" x14ac:dyDescent="0.15">
      <c r="U1577" s="1"/>
    </row>
    <row r="1578" spans="21:21" x14ac:dyDescent="0.15">
      <c r="U1578" s="1"/>
    </row>
    <row r="1579" spans="21:21" x14ac:dyDescent="0.15">
      <c r="U1579" s="1"/>
    </row>
    <row r="1580" spans="21:21" x14ac:dyDescent="0.15">
      <c r="U1580" s="1"/>
    </row>
    <row r="1581" spans="21:21" x14ac:dyDescent="0.15">
      <c r="U1581" s="1"/>
    </row>
    <row r="1582" spans="21:21" x14ac:dyDescent="0.15">
      <c r="U1582" s="1"/>
    </row>
    <row r="1583" spans="21:21" x14ac:dyDescent="0.15">
      <c r="U1583" s="1"/>
    </row>
    <row r="1584" spans="21:21" x14ac:dyDescent="0.15">
      <c r="U1584" s="1"/>
    </row>
    <row r="1585" spans="21:21" x14ac:dyDescent="0.15">
      <c r="U1585" s="1"/>
    </row>
    <row r="1586" spans="21:21" x14ac:dyDescent="0.15">
      <c r="U1586" s="1"/>
    </row>
    <row r="1587" spans="21:21" x14ac:dyDescent="0.15">
      <c r="U1587" s="1"/>
    </row>
    <row r="1588" spans="21:21" x14ac:dyDescent="0.15">
      <c r="U1588" s="1"/>
    </row>
    <row r="1589" spans="21:21" x14ac:dyDescent="0.15">
      <c r="U1589" s="1"/>
    </row>
    <row r="1590" spans="21:21" x14ac:dyDescent="0.15">
      <c r="U1590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8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87</v>
      </c>
      <c r="E1" s="1" t="s">
        <v>2</v>
      </c>
      <c r="F1" s="1" t="s">
        <v>488</v>
      </c>
      <c r="G1" s="1" t="s">
        <v>3</v>
      </c>
      <c r="H1" s="1" t="s">
        <v>46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50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37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8611111111111113</v>
      </c>
      <c r="C4" s="1" t="s">
        <v>476</v>
      </c>
      <c r="D4" s="1" t="s">
        <v>27</v>
      </c>
      <c r="E4" s="1" t="s">
        <v>477</v>
      </c>
      <c r="F4" s="1" t="s">
        <v>299</v>
      </c>
      <c r="G4" s="1" t="s">
        <v>166</v>
      </c>
      <c r="J4" s="1" t="s">
        <v>30</v>
      </c>
      <c r="K4" s="1" t="s">
        <v>303</v>
      </c>
      <c r="M4" s="1" t="s">
        <v>54</v>
      </c>
      <c r="N4" s="1" t="s">
        <v>33</v>
      </c>
      <c r="O4" s="1" t="s">
        <v>34</v>
      </c>
      <c r="P4" s="1" t="s">
        <v>35</v>
      </c>
      <c r="Q4" s="1" t="s">
        <v>84</v>
      </c>
      <c r="S4" s="1" t="s">
        <v>141</v>
      </c>
      <c r="U4" s="1">
        <v>9.3000000000000007</v>
      </c>
      <c r="V4" s="3">
        <v>17</v>
      </c>
      <c r="W4" s="1" t="s">
        <v>508</v>
      </c>
      <c r="X4" s="1">
        <v>1.7</v>
      </c>
      <c r="Y4" s="1">
        <v>0.08</v>
      </c>
      <c r="Z4" s="1">
        <v>7.0000000000000001E-3</v>
      </c>
      <c r="AA4" s="1" t="s">
        <v>554</v>
      </c>
      <c r="AB4" s="1" t="s">
        <v>526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5</v>
      </c>
      <c r="BC4" s="1">
        <v>0.64</v>
      </c>
      <c r="BD4" s="1">
        <v>0.69</v>
      </c>
      <c r="BE4" s="1"/>
      <c r="BF4" s="1"/>
      <c r="BG4" s="1"/>
      <c r="BH4" s="1"/>
      <c r="BI4" s="1"/>
      <c r="BJ4" s="1"/>
      <c r="BK4" s="1"/>
      <c r="BL4" s="1"/>
      <c r="BM4" s="1">
        <v>0.24</v>
      </c>
      <c r="BN4" s="1">
        <v>3.5999999999999997E-2</v>
      </c>
      <c r="BO4" s="1"/>
      <c r="BP4" s="1"/>
      <c r="BQ4" s="1">
        <v>28.23</v>
      </c>
      <c r="BR4" s="1"/>
      <c r="BS4" s="1"/>
      <c r="BT4" s="1">
        <v>20</v>
      </c>
      <c r="BU4" s="1"/>
      <c r="BV4" s="1"/>
      <c r="BW4" s="1"/>
      <c r="BX4" s="1"/>
      <c r="BY4" s="1"/>
      <c r="BZ4" s="1"/>
    </row>
    <row r="5" spans="1:78" x14ac:dyDescent="0.15">
      <c r="B5" s="2">
        <v>0.38611111111111113</v>
      </c>
      <c r="C5" s="1" t="s">
        <v>478</v>
      </c>
      <c r="D5" s="1" t="s">
        <v>27</v>
      </c>
      <c r="E5" s="1" t="s">
        <v>477</v>
      </c>
      <c r="G5" s="1" t="s">
        <v>304</v>
      </c>
      <c r="J5" s="1" t="s">
        <v>197</v>
      </c>
      <c r="N5" s="1" t="s">
        <v>33</v>
      </c>
      <c r="P5" s="1" t="s">
        <v>35</v>
      </c>
      <c r="Q5" s="1" t="s">
        <v>40</v>
      </c>
      <c r="S5" s="1" t="s">
        <v>133</v>
      </c>
      <c r="U5" s="1">
        <v>6.7</v>
      </c>
      <c r="V5" s="1"/>
      <c r="W5" s="1"/>
      <c r="X5" s="1">
        <v>0.72</v>
      </c>
      <c r="Y5" s="1">
        <v>6.0999999999999999E-2</v>
      </c>
      <c r="Z5" s="1">
        <v>4.0000000000000001E-3</v>
      </c>
      <c r="AA5" s="1" t="s">
        <v>554</v>
      </c>
      <c r="AB5" s="1" t="s">
        <v>52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3</v>
      </c>
      <c r="BC5" s="1">
        <v>0.2</v>
      </c>
      <c r="BD5" s="1">
        <v>0.25</v>
      </c>
      <c r="BE5" s="1"/>
      <c r="BF5" s="1"/>
      <c r="BG5" s="1"/>
      <c r="BH5" s="1"/>
      <c r="BI5" s="1"/>
      <c r="BJ5" s="1"/>
      <c r="BK5" s="1"/>
      <c r="BL5" s="1"/>
      <c r="BM5" s="1">
        <v>0.14000000000000001</v>
      </c>
      <c r="BN5" s="1">
        <v>2.4E-2</v>
      </c>
      <c r="BO5" s="1"/>
      <c r="BP5" s="1"/>
      <c r="BQ5" s="1">
        <v>32.21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34861111111111115</v>
      </c>
      <c r="C6" s="1" t="s">
        <v>476</v>
      </c>
      <c r="D6" s="1" t="s">
        <v>43</v>
      </c>
      <c r="E6" s="1" t="s">
        <v>44</v>
      </c>
      <c r="F6" s="1" t="s">
        <v>66</v>
      </c>
      <c r="G6" s="1" t="s">
        <v>56</v>
      </c>
      <c r="J6" s="1" t="s">
        <v>30</v>
      </c>
      <c r="K6" s="1" t="s">
        <v>154</v>
      </c>
      <c r="M6" s="1" t="s">
        <v>104</v>
      </c>
      <c r="N6" s="1" t="s">
        <v>33</v>
      </c>
      <c r="O6" s="1" t="s">
        <v>34</v>
      </c>
      <c r="P6" s="1" t="s">
        <v>35</v>
      </c>
      <c r="Q6" s="1" t="s">
        <v>40</v>
      </c>
      <c r="S6" s="1" t="s">
        <v>241</v>
      </c>
      <c r="U6" s="1">
        <v>7.9</v>
      </c>
      <c r="V6" s="3">
        <v>35000</v>
      </c>
      <c r="W6" s="1" t="s">
        <v>508</v>
      </c>
      <c r="X6" s="1">
        <v>2.6</v>
      </c>
      <c r="Y6" s="1">
        <v>0.22</v>
      </c>
      <c r="Z6" s="1">
        <v>8.9999999999999993E-3</v>
      </c>
      <c r="AA6" s="1" t="s">
        <v>554</v>
      </c>
      <c r="AB6" s="1" t="s">
        <v>564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7.0000000000000007E-2</v>
      </c>
      <c r="BC6" s="1">
        <v>1.2</v>
      </c>
      <c r="BD6" s="1">
        <v>1.2</v>
      </c>
      <c r="BE6" s="1"/>
      <c r="BF6" s="1"/>
      <c r="BG6" s="1"/>
      <c r="BH6" s="1"/>
      <c r="BI6" s="1"/>
      <c r="BJ6" s="1"/>
      <c r="BK6" s="1"/>
      <c r="BL6" s="1"/>
      <c r="BM6" s="1">
        <v>0.67</v>
      </c>
      <c r="BN6" s="1">
        <v>0.17</v>
      </c>
      <c r="BO6" s="1"/>
      <c r="BP6" s="1"/>
      <c r="BQ6" s="1">
        <v>17.73</v>
      </c>
      <c r="BR6" s="1"/>
      <c r="BS6" s="1"/>
      <c r="BT6" s="1">
        <v>7.2</v>
      </c>
      <c r="BU6" s="1"/>
      <c r="BV6" s="1"/>
      <c r="BW6" s="1"/>
      <c r="BX6" s="1"/>
      <c r="BY6" s="1"/>
      <c r="BZ6" s="1"/>
    </row>
    <row r="7" spans="1:78" x14ac:dyDescent="0.15">
      <c r="B7" s="2">
        <v>0.34861111111111115</v>
      </c>
      <c r="C7" s="1" t="s">
        <v>478</v>
      </c>
      <c r="D7" s="1" t="s">
        <v>43</v>
      </c>
      <c r="E7" s="1" t="s">
        <v>44</v>
      </c>
      <c r="G7" s="1" t="s">
        <v>73</v>
      </c>
      <c r="J7" s="1" t="s">
        <v>305</v>
      </c>
      <c r="N7" s="1" t="s">
        <v>33</v>
      </c>
      <c r="P7" s="1" t="s">
        <v>35</v>
      </c>
      <c r="Q7" s="1" t="s">
        <v>40</v>
      </c>
      <c r="S7" s="1" t="s">
        <v>149</v>
      </c>
      <c r="U7" s="1">
        <v>6.3</v>
      </c>
      <c r="V7" s="1"/>
      <c r="W7" s="1"/>
      <c r="X7" s="1">
        <v>0.55000000000000004</v>
      </c>
      <c r="Y7" s="1">
        <v>3.4000000000000002E-2</v>
      </c>
      <c r="Z7" s="1">
        <v>1E-3</v>
      </c>
      <c r="AA7" s="1" t="s">
        <v>554</v>
      </c>
      <c r="AB7" s="1" t="s">
        <v>52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0</v>
      </c>
      <c r="BC7" s="1">
        <v>0.14000000000000001</v>
      </c>
      <c r="BD7" s="1">
        <v>0.19</v>
      </c>
      <c r="BE7" s="1"/>
      <c r="BF7" s="1"/>
      <c r="BG7" s="1"/>
      <c r="BH7" s="1"/>
      <c r="BI7" s="1"/>
      <c r="BJ7" s="1"/>
      <c r="BK7" s="1"/>
      <c r="BL7" s="1"/>
      <c r="BM7" s="1" t="s">
        <v>533</v>
      </c>
      <c r="BN7" s="1">
        <v>2.3E-2</v>
      </c>
      <c r="BO7" s="1"/>
      <c r="BP7" s="1"/>
      <c r="BQ7" s="1">
        <v>34.35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4513888888888888</v>
      </c>
      <c r="C8" s="1" t="s">
        <v>476</v>
      </c>
      <c r="D8" s="1" t="s">
        <v>51</v>
      </c>
      <c r="E8" s="1" t="s">
        <v>477</v>
      </c>
      <c r="F8" s="1" t="s">
        <v>306</v>
      </c>
      <c r="G8" s="1" t="s">
        <v>306</v>
      </c>
      <c r="J8" s="1" t="s">
        <v>30</v>
      </c>
      <c r="K8" s="1" t="s">
        <v>303</v>
      </c>
      <c r="M8" s="1" t="s">
        <v>91</v>
      </c>
      <c r="N8" s="1" t="s">
        <v>33</v>
      </c>
      <c r="O8" s="1" t="s">
        <v>34</v>
      </c>
      <c r="P8" s="1" t="s">
        <v>35</v>
      </c>
      <c r="Q8" s="1" t="s">
        <v>55</v>
      </c>
      <c r="S8" s="1" t="s">
        <v>219</v>
      </c>
      <c r="U8" s="1">
        <v>8.1</v>
      </c>
      <c r="V8" s="3">
        <v>23</v>
      </c>
      <c r="W8" s="1" t="s">
        <v>508</v>
      </c>
      <c r="X8" s="1">
        <v>1.3</v>
      </c>
      <c r="Y8" s="1">
        <v>0.1</v>
      </c>
      <c r="Z8" s="1">
        <v>8.9999999999999993E-3</v>
      </c>
      <c r="AA8" s="1" t="s">
        <v>554</v>
      </c>
      <c r="AB8" s="1" t="s">
        <v>52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2</v>
      </c>
      <c r="BC8" s="1">
        <v>0.32</v>
      </c>
      <c r="BD8" s="1">
        <v>0.37</v>
      </c>
      <c r="BE8" s="1"/>
      <c r="BF8" s="1"/>
      <c r="BG8" s="1"/>
      <c r="BH8" s="1"/>
      <c r="BI8" s="1"/>
      <c r="BJ8" s="1"/>
      <c r="BK8" s="1"/>
      <c r="BL8" s="1"/>
      <c r="BM8" s="1">
        <v>0.18</v>
      </c>
      <c r="BN8" s="1">
        <v>3.1E-2</v>
      </c>
      <c r="BO8" s="1"/>
      <c r="BP8" s="1"/>
      <c r="BQ8" s="1">
        <v>28.89</v>
      </c>
      <c r="BR8" s="1"/>
      <c r="BS8" s="1"/>
      <c r="BT8" s="1">
        <v>13</v>
      </c>
      <c r="BU8" s="1"/>
      <c r="BV8" s="1"/>
      <c r="BW8" s="1"/>
      <c r="BX8" s="1"/>
      <c r="BY8" s="1"/>
      <c r="BZ8" s="1"/>
    </row>
    <row r="9" spans="1:78" x14ac:dyDescent="0.15">
      <c r="B9" s="2">
        <v>0.34513888888888888</v>
      </c>
      <c r="C9" s="1" t="s">
        <v>478</v>
      </c>
      <c r="D9" s="1" t="s">
        <v>51</v>
      </c>
      <c r="E9" s="1" t="s">
        <v>477</v>
      </c>
      <c r="G9" s="1" t="s">
        <v>29</v>
      </c>
      <c r="J9" s="1" t="s">
        <v>197</v>
      </c>
      <c r="N9" s="1" t="s">
        <v>33</v>
      </c>
      <c r="P9" s="1" t="s">
        <v>35</v>
      </c>
      <c r="Q9" s="1" t="s">
        <v>93</v>
      </c>
      <c r="S9" s="1" t="s">
        <v>170</v>
      </c>
      <c r="U9" s="1">
        <v>2.2000000000000002</v>
      </c>
      <c r="V9" s="1"/>
      <c r="W9" s="1"/>
      <c r="X9" s="1">
        <v>0.63</v>
      </c>
      <c r="Y9" s="1">
        <v>0.06</v>
      </c>
      <c r="Z9" s="1">
        <v>4.0000000000000001E-3</v>
      </c>
      <c r="AA9" s="1" t="s">
        <v>554</v>
      </c>
      <c r="AB9" s="1" t="s">
        <v>52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0.18</v>
      </c>
      <c r="BD9" s="1">
        <v>0.23</v>
      </c>
      <c r="BE9" s="1"/>
      <c r="BF9" s="1"/>
      <c r="BG9" s="1"/>
      <c r="BH9" s="1"/>
      <c r="BI9" s="1"/>
      <c r="BJ9" s="1"/>
      <c r="BK9" s="1"/>
      <c r="BL9" s="1"/>
      <c r="BM9" s="1">
        <v>0.16</v>
      </c>
      <c r="BN9" s="1">
        <v>4.7E-2</v>
      </c>
      <c r="BO9" s="1"/>
      <c r="BP9" s="1"/>
      <c r="BQ9" s="1">
        <v>33.81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8819444444444445</v>
      </c>
      <c r="C10" s="1" t="s">
        <v>476</v>
      </c>
      <c r="D10" s="1" t="s">
        <v>27</v>
      </c>
      <c r="E10" s="1" t="s">
        <v>477</v>
      </c>
      <c r="F10" s="1" t="s">
        <v>71</v>
      </c>
      <c r="G10" s="1" t="s">
        <v>307</v>
      </c>
      <c r="J10" s="1" t="s">
        <v>30</v>
      </c>
      <c r="K10" s="1" t="s">
        <v>308</v>
      </c>
      <c r="M10" s="1" t="s">
        <v>301</v>
      </c>
      <c r="N10" s="1" t="s">
        <v>33</v>
      </c>
      <c r="O10" s="1" t="s">
        <v>34</v>
      </c>
      <c r="P10" s="1" t="s">
        <v>35</v>
      </c>
      <c r="Q10" s="1" t="s">
        <v>63</v>
      </c>
      <c r="S10" s="1" t="s">
        <v>116</v>
      </c>
      <c r="U10" s="1">
        <v>7.2</v>
      </c>
      <c r="V10" s="3">
        <v>49</v>
      </c>
      <c r="W10" s="1" t="s">
        <v>508</v>
      </c>
      <c r="X10" s="1">
        <v>1.5</v>
      </c>
      <c r="Y10" s="1">
        <v>0.11</v>
      </c>
      <c r="Z10" s="1">
        <v>8.0000000000000002E-3</v>
      </c>
      <c r="AA10" s="1" t="s">
        <v>554</v>
      </c>
      <c r="AB10" s="1" t="s">
        <v>52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2</v>
      </c>
      <c r="BC10" s="1">
        <v>0.42</v>
      </c>
      <c r="BD10" s="1">
        <v>0.47</v>
      </c>
      <c r="BE10" s="1"/>
      <c r="BF10" s="1"/>
      <c r="BG10" s="1"/>
      <c r="BH10" s="1"/>
      <c r="BI10" s="1"/>
      <c r="BJ10" s="1"/>
      <c r="BK10" s="1"/>
      <c r="BL10" s="1"/>
      <c r="BM10" s="1">
        <v>0.15</v>
      </c>
      <c r="BN10" s="1">
        <v>2.3E-2</v>
      </c>
      <c r="BO10" s="1"/>
      <c r="BP10" s="1"/>
      <c r="BQ10" s="1">
        <v>27.63</v>
      </c>
      <c r="BR10" s="1"/>
      <c r="BS10" s="1"/>
      <c r="BT10" s="1">
        <v>28</v>
      </c>
      <c r="BU10" s="1"/>
      <c r="BV10" s="1"/>
      <c r="BW10" s="1"/>
      <c r="BX10" s="1"/>
      <c r="BY10" s="1"/>
      <c r="BZ10" s="1"/>
    </row>
    <row r="11" spans="1:78" x14ac:dyDescent="0.15">
      <c r="B11" s="2">
        <v>0.38819444444444445</v>
      </c>
      <c r="C11" s="1" t="s">
        <v>478</v>
      </c>
      <c r="D11" s="1" t="s">
        <v>27</v>
      </c>
      <c r="E11" s="1" t="s">
        <v>477</v>
      </c>
      <c r="G11" s="1" t="s">
        <v>299</v>
      </c>
      <c r="J11" s="1" t="s">
        <v>309</v>
      </c>
      <c r="N11" s="1" t="s">
        <v>33</v>
      </c>
      <c r="P11" s="1" t="s">
        <v>35</v>
      </c>
      <c r="Q11" s="1" t="s">
        <v>93</v>
      </c>
      <c r="S11" s="1" t="s">
        <v>54</v>
      </c>
      <c r="U11" s="1">
        <v>2.1</v>
      </c>
      <c r="V11" s="1"/>
      <c r="W11" s="1"/>
      <c r="X11" s="1">
        <v>0.63</v>
      </c>
      <c r="Y11" s="1">
        <v>8.5999999999999993E-2</v>
      </c>
      <c r="Z11" s="1">
        <v>3.0000000000000001E-3</v>
      </c>
      <c r="AA11" s="1" t="s">
        <v>554</v>
      </c>
      <c r="AB11" s="1" t="s">
        <v>52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22</v>
      </c>
      <c r="BD11" s="1">
        <v>0.27</v>
      </c>
      <c r="BE11" s="1"/>
      <c r="BF11" s="1"/>
      <c r="BG11" s="1"/>
      <c r="BH11" s="1"/>
      <c r="BI11" s="1"/>
      <c r="BJ11" s="1"/>
      <c r="BK11" s="1"/>
      <c r="BL11" s="1"/>
      <c r="BM11" s="1">
        <v>0.12</v>
      </c>
      <c r="BN11" s="1">
        <v>7.2999999999999995E-2</v>
      </c>
      <c r="BO11" s="1"/>
      <c r="BP11" s="1"/>
      <c r="BQ11" s="1">
        <v>33.4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8819444444444445</v>
      </c>
      <c r="C12" s="1" t="s">
        <v>553</v>
      </c>
      <c r="D12" s="1" t="s">
        <v>27</v>
      </c>
      <c r="E12" s="1" t="s">
        <v>477</v>
      </c>
      <c r="J12" s="1" t="s">
        <v>178</v>
      </c>
      <c r="N12" s="1" t="s">
        <v>33</v>
      </c>
      <c r="U12" s="1"/>
      <c r="V12" s="1"/>
      <c r="W12" s="1"/>
      <c r="X12" s="1"/>
      <c r="Y12" s="1"/>
      <c r="Z12" s="1"/>
      <c r="AA12" s="1" t="s">
        <v>554</v>
      </c>
      <c r="AB12" s="1" t="s">
        <v>554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3</v>
      </c>
      <c r="AV12" s="1" t="s">
        <v>509</v>
      </c>
      <c r="AW12" s="1" t="s">
        <v>509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35347222222222219</v>
      </c>
      <c r="C13" s="1" t="s">
        <v>476</v>
      </c>
      <c r="D13" s="1" t="s">
        <v>69</v>
      </c>
      <c r="E13" s="1" t="s">
        <v>70</v>
      </c>
      <c r="F13" s="1" t="s">
        <v>310</v>
      </c>
      <c r="G13" s="1" t="s">
        <v>82</v>
      </c>
      <c r="J13" s="1" t="s">
        <v>30</v>
      </c>
      <c r="K13" s="1" t="s">
        <v>272</v>
      </c>
      <c r="M13" s="1" t="s">
        <v>311</v>
      </c>
      <c r="N13" s="1" t="s">
        <v>33</v>
      </c>
      <c r="O13" s="1" t="s">
        <v>157</v>
      </c>
      <c r="P13" s="1" t="s">
        <v>35</v>
      </c>
      <c r="Q13" s="1" t="s">
        <v>55</v>
      </c>
      <c r="S13" s="1" t="s">
        <v>246</v>
      </c>
      <c r="U13" s="1">
        <v>9.1999999999999993</v>
      </c>
      <c r="V13" s="3">
        <v>700</v>
      </c>
      <c r="W13" s="1" t="s">
        <v>508</v>
      </c>
      <c r="X13" s="1">
        <v>1.1000000000000001</v>
      </c>
      <c r="Y13" s="1">
        <v>0.11</v>
      </c>
      <c r="Z13" s="1">
        <v>6.0000000000000001E-3</v>
      </c>
      <c r="AA13" s="1" t="s">
        <v>555</v>
      </c>
      <c r="AB13" s="1" t="s">
        <v>52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17</v>
      </c>
      <c r="BD13" s="1">
        <v>0.22</v>
      </c>
      <c r="BE13" s="1"/>
      <c r="BF13" s="1"/>
      <c r="BG13" s="1"/>
      <c r="BH13" s="1"/>
      <c r="BI13" s="1"/>
      <c r="BJ13" s="1"/>
      <c r="BK13" s="1"/>
      <c r="BL13" s="1"/>
      <c r="BM13" s="1">
        <v>0.13</v>
      </c>
      <c r="BN13" s="1">
        <v>8.9999999999999993E-3</v>
      </c>
      <c r="BO13" s="1"/>
      <c r="BP13" s="1"/>
      <c r="BQ13" s="1">
        <v>25.86</v>
      </c>
      <c r="BR13" s="1" t="s">
        <v>531</v>
      </c>
      <c r="BS13" s="1" t="s">
        <v>511</v>
      </c>
      <c r="BT13" s="1">
        <v>58</v>
      </c>
      <c r="BU13" s="1"/>
      <c r="BV13" s="1"/>
      <c r="BW13" s="1"/>
      <c r="BX13" s="1"/>
      <c r="BY13" s="1"/>
      <c r="BZ13" s="1"/>
    </row>
    <row r="14" spans="1:78" x14ac:dyDescent="0.15">
      <c r="B14" s="2">
        <v>0.35347222222222219</v>
      </c>
      <c r="C14" s="1" t="s">
        <v>478</v>
      </c>
      <c r="D14" s="1" t="s">
        <v>69</v>
      </c>
      <c r="E14" s="1" t="s">
        <v>70</v>
      </c>
      <c r="G14" s="1" t="s">
        <v>102</v>
      </c>
      <c r="J14" s="1" t="s">
        <v>312</v>
      </c>
      <c r="N14" s="1" t="s">
        <v>33</v>
      </c>
      <c r="P14" s="1" t="s">
        <v>35</v>
      </c>
      <c r="Q14" s="1" t="s">
        <v>148</v>
      </c>
      <c r="S14" s="1" t="s">
        <v>111</v>
      </c>
      <c r="U14" s="1">
        <v>1</v>
      </c>
      <c r="V14" s="1"/>
      <c r="W14" s="1"/>
      <c r="X14" s="1">
        <v>0.7</v>
      </c>
      <c r="Y14" s="1">
        <v>0.11</v>
      </c>
      <c r="Z14" s="1">
        <v>4.0000000000000001E-3</v>
      </c>
      <c r="AA14" s="1" t="s">
        <v>555</v>
      </c>
      <c r="AB14" s="1" t="s">
        <v>52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0</v>
      </c>
      <c r="BC14" s="1">
        <v>0.23</v>
      </c>
      <c r="BD14" s="1">
        <v>0.28000000000000003</v>
      </c>
      <c r="BE14" s="1"/>
      <c r="BF14" s="1"/>
      <c r="BG14" s="1"/>
      <c r="BH14" s="1"/>
      <c r="BI14" s="1"/>
      <c r="BJ14" s="1"/>
      <c r="BK14" s="1"/>
      <c r="BL14" s="1"/>
      <c r="BM14" s="1">
        <v>7.0000000000000007E-2</v>
      </c>
      <c r="BN14" s="1">
        <v>8.8999999999999996E-2</v>
      </c>
      <c r="BO14" s="1"/>
      <c r="BP14" s="1"/>
      <c r="BQ14" s="1">
        <v>33.78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5347222222222219</v>
      </c>
      <c r="C15" s="1" t="s">
        <v>553</v>
      </c>
      <c r="D15" s="1" t="s">
        <v>69</v>
      </c>
      <c r="E15" s="1" t="s">
        <v>70</v>
      </c>
      <c r="J15" s="1" t="s">
        <v>279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 t="s">
        <v>509</v>
      </c>
      <c r="AD15" s="1" t="s">
        <v>510</v>
      </c>
      <c r="AE15" s="1" t="s">
        <v>511</v>
      </c>
      <c r="AF15" s="1" t="s">
        <v>512</v>
      </c>
      <c r="AG15" s="1" t="s">
        <v>511</v>
      </c>
      <c r="AH15" s="1" t="s">
        <v>513</v>
      </c>
      <c r="AI15" s="1"/>
      <c r="AJ15" s="1" t="s">
        <v>513</v>
      </c>
      <c r="AK15" s="1" t="s">
        <v>514</v>
      </c>
      <c r="AL15" s="1" t="s">
        <v>514</v>
      </c>
      <c r="AM15" s="1" t="s">
        <v>514</v>
      </c>
      <c r="AN15" s="1" t="s">
        <v>514</v>
      </c>
      <c r="AO15" s="1" t="s">
        <v>514</v>
      </c>
      <c r="AP15" t="s">
        <v>514</v>
      </c>
      <c r="AQ15" s="1" t="s">
        <v>514</v>
      </c>
      <c r="AR15" s="1" t="s">
        <v>514</v>
      </c>
      <c r="AS15" s="1" t="s">
        <v>514</v>
      </c>
      <c r="AT15" s="1" t="s">
        <v>517</v>
      </c>
      <c r="AU15" s="1"/>
      <c r="AV15" s="1"/>
      <c r="AW15" s="1"/>
      <c r="AX15" s="1" t="s">
        <v>514</v>
      </c>
      <c r="AY15" s="1" t="s">
        <v>523</v>
      </c>
      <c r="AZ15" s="1"/>
      <c r="BA15" s="1"/>
      <c r="BB15" s="1"/>
      <c r="BC15" s="1"/>
      <c r="BD15" s="1"/>
      <c r="BE15" s="1" t="s">
        <v>511</v>
      </c>
      <c r="BF15" s="1" t="s">
        <v>511</v>
      </c>
      <c r="BG15" s="1" t="s">
        <v>524</v>
      </c>
      <c r="BH15" s="1" t="s">
        <v>512</v>
      </c>
      <c r="BI15" s="1" t="s">
        <v>510</v>
      </c>
      <c r="BJ15" s="1"/>
      <c r="BK15" s="1" t="s">
        <v>513</v>
      </c>
      <c r="BL15" s="1" t="s">
        <v>532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40972222222222227</v>
      </c>
      <c r="C16" s="1" t="s">
        <v>476</v>
      </c>
      <c r="D16" s="1" t="s">
        <v>43</v>
      </c>
      <c r="E16" s="1" t="s">
        <v>477</v>
      </c>
      <c r="F16" s="1" t="s">
        <v>227</v>
      </c>
      <c r="G16" s="1" t="s">
        <v>307</v>
      </c>
      <c r="J16" s="1" t="s">
        <v>30</v>
      </c>
      <c r="K16" s="1" t="s">
        <v>223</v>
      </c>
      <c r="M16" s="1" t="s">
        <v>41</v>
      </c>
      <c r="N16" s="1" t="s">
        <v>33</v>
      </c>
      <c r="O16" s="1" t="s">
        <v>92</v>
      </c>
      <c r="P16" s="1" t="s">
        <v>35</v>
      </c>
      <c r="Q16" s="1" t="s">
        <v>63</v>
      </c>
      <c r="S16" s="1" t="s">
        <v>180</v>
      </c>
      <c r="U16" s="1">
        <v>6.2</v>
      </c>
      <c r="V16" s="3">
        <v>79</v>
      </c>
      <c r="W16" s="1" t="s">
        <v>508</v>
      </c>
      <c r="X16" s="1">
        <v>0.67</v>
      </c>
      <c r="Y16" s="1">
        <v>6.5000000000000002E-2</v>
      </c>
      <c r="Z16" s="1">
        <v>5.0000000000000001E-3</v>
      </c>
      <c r="AA16" s="1" t="s">
        <v>554</v>
      </c>
      <c r="AB16" s="1" t="s">
        <v>526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08</v>
      </c>
      <c r="BD16" s="1">
        <v>0.13</v>
      </c>
      <c r="BE16" s="1"/>
      <c r="BF16" s="1"/>
      <c r="BG16" s="1"/>
      <c r="BH16" s="1"/>
      <c r="BI16" s="1"/>
      <c r="BJ16" s="1"/>
      <c r="BK16" s="1"/>
      <c r="BL16" s="1"/>
      <c r="BM16" s="1">
        <v>0.06</v>
      </c>
      <c r="BN16" s="1">
        <v>2.7E-2</v>
      </c>
      <c r="BO16" s="1"/>
      <c r="BP16" s="1"/>
      <c r="BQ16" s="1">
        <v>30.23</v>
      </c>
      <c r="BR16" s="1"/>
      <c r="BS16" s="1"/>
      <c r="BT16" s="1">
        <v>11</v>
      </c>
      <c r="BU16" s="1"/>
      <c r="BV16" s="1"/>
      <c r="BW16" s="1"/>
      <c r="BX16" s="1"/>
      <c r="BY16" s="1"/>
      <c r="BZ16" s="1"/>
    </row>
    <row r="17" spans="1:78" x14ac:dyDescent="0.15">
      <c r="B17" s="2">
        <v>0.40972222222222227</v>
      </c>
      <c r="C17" s="1" t="s">
        <v>478</v>
      </c>
      <c r="D17" s="1" t="s">
        <v>43</v>
      </c>
      <c r="E17" s="1" t="s">
        <v>477</v>
      </c>
      <c r="G17" s="1" t="s">
        <v>313</v>
      </c>
      <c r="J17" s="1" t="s">
        <v>273</v>
      </c>
      <c r="N17" s="1" t="s">
        <v>33</v>
      </c>
      <c r="P17" s="1" t="s">
        <v>35</v>
      </c>
      <c r="Q17" s="1" t="s">
        <v>40</v>
      </c>
      <c r="S17" s="1" t="s">
        <v>111</v>
      </c>
      <c r="U17" s="1">
        <v>2.6</v>
      </c>
      <c r="V17" s="1"/>
      <c r="W17" s="1"/>
      <c r="X17" s="1">
        <v>0.66</v>
      </c>
      <c r="Y17" s="1">
        <v>9.1999999999999998E-2</v>
      </c>
      <c r="Z17" s="1">
        <v>3.0000000000000001E-3</v>
      </c>
      <c r="AA17" s="1" t="s">
        <v>554</v>
      </c>
      <c r="AB17" s="1" t="s">
        <v>526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09</v>
      </c>
      <c r="BD17" s="1">
        <v>0.14000000000000001</v>
      </c>
      <c r="BE17" s="1"/>
      <c r="BF17" s="1"/>
      <c r="BG17" s="1"/>
      <c r="BH17" s="1"/>
      <c r="BI17" s="1"/>
      <c r="BJ17" s="1"/>
      <c r="BK17" s="1"/>
      <c r="BL17" s="1"/>
      <c r="BM17" s="1">
        <v>0.13</v>
      </c>
      <c r="BN17" s="1">
        <v>6.7000000000000004E-2</v>
      </c>
      <c r="BO17" s="1"/>
      <c r="BP17" s="1"/>
      <c r="BQ17" s="1">
        <v>31.75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0972222222222227</v>
      </c>
      <c r="C18" s="1" t="s">
        <v>553</v>
      </c>
      <c r="D18" s="1" t="s">
        <v>43</v>
      </c>
      <c r="E18" s="1" t="s">
        <v>477</v>
      </c>
      <c r="J18" s="1" t="s">
        <v>212</v>
      </c>
      <c r="N18" s="1" t="s">
        <v>33</v>
      </c>
      <c r="U18" s="1"/>
      <c r="V18" s="1"/>
      <c r="W18" s="1"/>
      <c r="X18" s="1"/>
      <c r="Y18" s="1"/>
      <c r="Z18" s="1"/>
      <c r="AA18" s="1" t="s">
        <v>554</v>
      </c>
      <c r="AB18" s="1" t="s">
        <v>55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8194444444444442</v>
      </c>
      <c r="C19" s="1" t="s">
        <v>476</v>
      </c>
      <c r="D19" s="1" t="s">
        <v>43</v>
      </c>
      <c r="E19" s="1" t="s">
        <v>70</v>
      </c>
      <c r="F19" s="1" t="s">
        <v>314</v>
      </c>
      <c r="G19" s="1" t="s">
        <v>277</v>
      </c>
      <c r="J19" s="1" t="s">
        <v>30</v>
      </c>
      <c r="K19" s="1" t="s">
        <v>223</v>
      </c>
      <c r="M19" s="1" t="s">
        <v>315</v>
      </c>
      <c r="N19" s="1" t="s">
        <v>33</v>
      </c>
      <c r="O19" s="1" t="s">
        <v>239</v>
      </c>
      <c r="P19" s="1" t="s">
        <v>35</v>
      </c>
      <c r="Q19" s="1" t="s">
        <v>148</v>
      </c>
      <c r="S19" s="1" t="s">
        <v>101</v>
      </c>
      <c r="U19" s="1">
        <v>7.2</v>
      </c>
      <c r="V19" s="3">
        <v>17000</v>
      </c>
      <c r="W19" s="1" t="s">
        <v>508</v>
      </c>
      <c r="X19" s="1">
        <v>1.8</v>
      </c>
      <c r="Y19" s="1">
        <v>0.13</v>
      </c>
      <c r="Z19" s="1">
        <v>5.0000000000000001E-3</v>
      </c>
      <c r="AA19" s="1" t="s">
        <v>554</v>
      </c>
      <c r="AB19" s="1" t="s">
        <v>565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1</v>
      </c>
      <c r="BD19" s="1">
        <v>1</v>
      </c>
      <c r="BE19" s="1"/>
      <c r="BF19" s="1"/>
      <c r="BG19" s="1"/>
      <c r="BH19" s="1"/>
      <c r="BI19" s="1"/>
      <c r="BJ19" s="1"/>
      <c r="BK19" s="1"/>
      <c r="BL19" s="1"/>
      <c r="BM19" s="1">
        <v>0.17</v>
      </c>
      <c r="BN19" s="1">
        <v>0.1</v>
      </c>
      <c r="BO19" s="1"/>
      <c r="BP19" s="1"/>
      <c r="BQ19" s="1">
        <v>13.21</v>
      </c>
      <c r="BR19" s="1"/>
      <c r="BS19" s="1"/>
      <c r="BT19" s="1">
        <v>2.1</v>
      </c>
      <c r="BU19" s="1"/>
      <c r="BV19" s="1"/>
      <c r="BW19" s="1"/>
      <c r="BX19" s="1"/>
      <c r="BY19" s="1"/>
      <c r="BZ19" s="1"/>
    </row>
    <row r="20" spans="1:78" x14ac:dyDescent="0.15">
      <c r="B20" s="2">
        <v>0.38194444444444442</v>
      </c>
      <c r="C20" s="1" t="s">
        <v>478</v>
      </c>
      <c r="D20" s="1" t="s">
        <v>43</v>
      </c>
      <c r="E20" s="1" t="s">
        <v>70</v>
      </c>
      <c r="G20" s="1" t="s">
        <v>316</v>
      </c>
      <c r="J20" s="1" t="s">
        <v>273</v>
      </c>
      <c r="N20" s="1" t="s">
        <v>33</v>
      </c>
      <c r="P20" s="1" t="s">
        <v>35</v>
      </c>
      <c r="Q20" s="1" t="s">
        <v>93</v>
      </c>
      <c r="S20" s="1" t="s">
        <v>125</v>
      </c>
      <c r="U20" s="1">
        <v>4.2</v>
      </c>
      <c r="V20" s="1"/>
      <c r="W20" s="1"/>
      <c r="X20" s="1">
        <v>0.62</v>
      </c>
      <c r="Y20" s="1">
        <v>8.1000000000000003E-2</v>
      </c>
      <c r="Z20" s="1">
        <v>3.0000000000000001E-3</v>
      </c>
      <c r="AA20" s="1" t="s">
        <v>554</v>
      </c>
      <c r="AB20" s="1" t="s">
        <v>52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0</v>
      </c>
      <c r="BC20" s="1">
        <v>0.23</v>
      </c>
      <c r="BD20" s="1">
        <v>0.28000000000000003</v>
      </c>
      <c r="BE20" s="1"/>
      <c r="BF20" s="1"/>
      <c r="BG20" s="1"/>
      <c r="BH20" s="1"/>
      <c r="BI20" s="1"/>
      <c r="BJ20" s="1"/>
      <c r="BK20" s="1"/>
      <c r="BL20" s="1"/>
      <c r="BM20" s="1">
        <v>0.06</v>
      </c>
      <c r="BN20" s="1">
        <v>5.8000000000000003E-2</v>
      </c>
      <c r="BO20" s="1"/>
      <c r="BP20" s="1"/>
      <c r="BQ20" s="1">
        <v>32.01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8194444444444442</v>
      </c>
      <c r="C21" s="1" t="s">
        <v>553</v>
      </c>
      <c r="D21" s="1" t="s">
        <v>43</v>
      </c>
      <c r="E21" s="1" t="s">
        <v>70</v>
      </c>
      <c r="J21" s="1" t="s">
        <v>212</v>
      </c>
      <c r="N21" s="1" t="s">
        <v>33</v>
      </c>
      <c r="U21" s="1"/>
      <c r="V21" s="1"/>
      <c r="W21" s="1"/>
      <c r="X21" s="1"/>
      <c r="Y21" s="1"/>
      <c r="Z21" s="1"/>
      <c r="AA21" s="1" t="s">
        <v>554</v>
      </c>
      <c r="AB21" s="1" t="s">
        <v>554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 t="s">
        <v>513</v>
      </c>
      <c r="AV21" s="1" t="s">
        <v>509</v>
      </c>
      <c r="AW21" s="1" t="s">
        <v>509</v>
      </c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35347222222222219</v>
      </c>
      <c r="C22" s="1" t="s">
        <v>476</v>
      </c>
      <c r="D22" s="1" t="s">
        <v>43</v>
      </c>
      <c r="E22" s="1" t="s">
        <v>44</v>
      </c>
      <c r="F22" s="1" t="s">
        <v>215</v>
      </c>
      <c r="G22" s="1" t="s">
        <v>218</v>
      </c>
      <c r="J22" s="1" t="s">
        <v>30</v>
      </c>
      <c r="K22" s="1" t="s">
        <v>313</v>
      </c>
      <c r="M22" s="1" t="s">
        <v>32</v>
      </c>
      <c r="N22" s="1" t="s">
        <v>33</v>
      </c>
      <c r="O22" s="1" t="s">
        <v>92</v>
      </c>
      <c r="P22" s="1" t="s">
        <v>35</v>
      </c>
      <c r="Q22" s="1" t="s">
        <v>40</v>
      </c>
      <c r="S22" s="1" t="s">
        <v>101</v>
      </c>
      <c r="U22" s="1">
        <v>7.2</v>
      </c>
      <c r="V22" s="3">
        <v>33</v>
      </c>
      <c r="W22" s="1" t="s">
        <v>508</v>
      </c>
      <c r="X22" s="1">
        <v>1.3</v>
      </c>
      <c r="Y22" s="1">
        <v>0.11</v>
      </c>
      <c r="Z22" s="1">
        <v>7.0000000000000001E-3</v>
      </c>
      <c r="AA22" s="1" t="s">
        <v>554</v>
      </c>
      <c r="AB22" s="1" t="s">
        <v>56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3</v>
      </c>
      <c r="BC22" s="1">
        <v>0.55000000000000004</v>
      </c>
      <c r="BD22" s="1">
        <v>0.6</v>
      </c>
      <c r="BE22" s="1"/>
      <c r="BF22" s="1"/>
      <c r="BG22" s="1"/>
      <c r="BH22" s="1"/>
      <c r="BI22" s="1"/>
      <c r="BJ22" s="1"/>
      <c r="BK22" s="1"/>
      <c r="BL22" s="1"/>
      <c r="BM22" s="1">
        <v>0.11</v>
      </c>
      <c r="BN22" s="1">
        <v>5.8999999999999997E-2</v>
      </c>
      <c r="BO22" s="1"/>
      <c r="BP22" s="1"/>
      <c r="BQ22" s="1">
        <v>30.2</v>
      </c>
      <c r="BR22" s="1"/>
      <c r="BS22" s="1"/>
      <c r="BT22" s="1">
        <v>16</v>
      </c>
      <c r="BU22" s="1"/>
      <c r="BV22" s="1"/>
      <c r="BW22" s="1"/>
      <c r="BX22" s="1"/>
      <c r="BY22" s="1"/>
      <c r="BZ22" s="1"/>
    </row>
    <row r="23" spans="1:78" x14ac:dyDescent="0.15">
      <c r="B23" s="2">
        <v>0.35347222222222219</v>
      </c>
      <c r="C23" s="1" t="s">
        <v>478</v>
      </c>
      <c r="D23" s="1" t="s">
        <v>43</v>
      </c>
      <c r="E23" s="1" t="s">
        <v>44</v>
      </c>
      <c r="G23" s="1" t="s">
        <v>46</v>
      </c>
      <c r="J23" s="1" t="s">
        <v>317</v>
      </c>
      <c r="N23" s="1" t="s">
        <v>33</v>
      </c>
      <c r="P23" s="1" t="s">
        <v>35</v>
      </c>
      <c r="Q23" s="1" t="s">
        <v>40</v>
      </c>
      <c r="S23" s="1" t="s">
        <v>170</v>
      </c>
      <c r="U23" s="1">
        <v>4.4000000000000004</v>
      </c>
      <c r="V23" s="1"/>
      <c r="W23" s="1"/>
      <c r="X23" s="1">
        <v>0.51</v>
      </c>
      <c r="Y23" s="1">
        <v>5.5E-2</v>
      </c>
      <c r="Z23" s="1">
        <v>6.0000000000000001E-3</v>
      </c>
      <c r="AA23" s="1" t="s">
        <v>554</v>
      </c>
      <c r="AB23" s="1" t="s">
        <v>52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2</v>
      </c>
      <c r="BC23" s="1">
        <v>0.11</v>
      </c>
      <c r="BD23" s="1">
        <v>0.16</v>
      </c>
      <c r="BE23" s="1"/>
      <c r="BF23" s="1"/>
      <c r="BG23" s="1"/>
      <c r="BH23" s="1"/>
      <c r="BI23" s="1"/>
      <c r="BJ23" s="1"/>
      <c r="BK23" s="1"/>
      <c r="BL23" s="1"/>
      <c r="BM23" s="1">
        <v>0.08</v>
      </c>
      <c r="BN23" s="1">
        <v>3.5999999999999997E-2</v>
      </c>
      <c r="BO23" s="1"/>
      <c r="BP23" s="1"/>
      <c r="BQ23" s="1">
        <v>33.58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5347222222222219</v>
      </c>
      <c r="C24" s="1" t="s">
        <v>553</v>
      </c>
      <c r="D24" s="1" t="s">
        <v>43</v>
      </c>
      <c r="E24" s="1" t="s">
        <v>44</v>
      </c>
      <c r="J24" s="1" t="s">
        <v>267</v>
      </c>
      <c r="N24" s="1" t="s">
        <v>33</v>
      </c>
      <c r="U24" s="1"/>
      <c r="V24" s="1"/>
      <c r="W24" s="1"/>
      <c r="X24" s="1"/>
      <c r="Y24" s="1"/>
      <c r="Z24" s="1"/>
      <c r="AA24" s="1" t="s">
        <v>554</v>
      </c>
      <c r="AB24" s="1" t="s">
        <v>554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6</v>
      </c>
      <c r="B25" s="2">
        <v>0.37152777777777773</v>
      </c>
      <c r="C25" s="1" t="s">
        <v>476</v>
      </c>
      <c r="D25" s="1" t="s">
        <v>43</v>
      </c>
      <c r="E25" s="1" t="s">
        <v>107</v>
      </c>
      <c r="F25" s="1" t="s">
        <v>318</v>
      </c>
      <c r="G25" s="1" t="s">
        <v>136</v>
      </c>
      <c r="J25" s="1" t="s">
        <v>30</v>
      </c>
      <c r="K25" s="1" t="s">
        <v>275</v>
      </c>
      <c r="M25" s="1" t="s">
        <v>116</v>
      </c>
      <c r="N25" s="1" t="s">
        <v>33</v>
      </c>
      <c r="O25" s="1" t="s">
        <v>92</v>
      </c>
      <c r="P25" s="1" t="s">
        <v>35</v>
      </c>
      <c r="Q25" s="1" t="s">
        <v>36</v>
      </c>
      <c r="S25" s="1" t="s">
        <v>149</v>
      </c>
      <c r="U25" s="1">
        <v>7.4</v>
      </c>
      <c r="V25" s="3">
        <v>13</v>
      </c>
      <c r="W25" s="1" t="s">
        <v>508</v>
      </c>
      <c r="X25" s="1">
        <v>0.79</v>
      </c>
      <c r="Y25" s="1">
        <v>4.8000000000000001E-2</v>
      </c>
      <c r="Z25" s="1">
        <v>4.0000000000000001E-3</v>
      </c>
      <c r="AA25" s="1" t="s">
        <v>554</v>
      </c>
      <c r="AB25" s="1" t="s">
        <v>567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3</v>
      </c>
      <c r="BC25" s="1">
        <v>0.26</v>
      </c>
      <c r="BD25" s="1">
        <v>0.31</v>
      </c>
      <c r="BE25" s="1"/>
      <c r="BF25" s="1"/>
      <c r="BG25" s="1"/>
      <c r="BH25" s="1"/>
      <c r="BI25" s="1"/>
      <c r="BJ25" s="1"/>
      <c r="BK25" s="1"/>
      <c r="BL25" s="1"/>
      <c r="BM25" s="1">
        <v>0.18</v>
      </c>
      <c r="BN25" s="1">
        <v>3.1E-2</v>
      </c>
      <c r="BO25" s="1"/>
      <c r="BP25" s="1"/>
      <c r="BQ25" s="1">
        <v>32.159999999999997</v>
      </c>
      <c r="BR25" s="1"/>
      <c r="BS25" s="1"/>
      <c r="BT25" s="1">
        <v>4.4000000000000004</v>
      </c>
      <c r="BU25" s="1"/>
      <c r="BV25" s="1"/>
      <c r="BW25" s="1"/>
      <c r="BX25" s="1"/>
      <c r="BY25" s="1"/>
      <c r="BZ25" s="1"/>
    </row>
    <row r="26" spans="1:78" x14ac:dyDescent="0.15">
      <c r="B26" s="2">
        <v>0.37152777777777773</v>
      </c>
      <c r="C26" s="1" t="s">
        <v>478</v>
      </c>
      <c r="D26" s="1" t="s">
        <v>43</v>
      </c>
      <c r="E26" s="1" t="s">
        <v>107</v>
      </c>
      <c r="G26" s="1" t="s">
        <v>216</v>
      </c>
      <c r="J26" s="1" t="s">
        <v>297</v>
      </c>
      <c r="N26" s="1" t="s">
        <v>33</v>
      </c>
      <c r="P26" s="1" t="s">
        <v>35</v>
      </c>
      <c r="Q26" s="1" t="s">
        <v>40</v>
      </c>
      <c r="S26" s="1" t="s">
        <v>54</v>
      </c>
      <c r="U26" s="1">
        <v>4.7</v>
      </c>
      <c r="V26" s="1"/>
      <c r="W26" s="1"/>
      <c r="X26" s="1">
        <v>0.56999999999999995</v>
      </c>
      <c r="Y26" s="1">
        <v>5.8000000000000003E-2</v>
      </c>
      <c r="Z26" s="1">
        <v>3.0000000000000001E-3</v>
      </c>
      <c r="AA26" s="1" t="s">
        <v>554</v>
      </c>
      <c r="AB26" s="1" t="s">
        <v>558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</v>
      </c>
      <c r="BD26" s="1">
        <v>0.15</v>
      </c>
      <c r="BE26" s="1"/>
      <c r="BF26" s="1"/>
      <c r="BG26" s="1"/>
      <c r="BH26" s="1"/>
      <c r="BI26" s="1"/>
      <c r="BJ26" s="1"/>
      <c r="BK26" s="1"/>
      <c r="BL26" s="1"/>
      <c r="BM26" s="1">
        <v>0.16</v>
      </c>
      <c r="BN26" s="1">
        <v>4.1000000000000002E-2</v>
      </c>
      <c r="BO26" s="1"/>
      <c r="BP26" s="1"/>
      <c r="BQ26" s="1">
        <v>33.24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7152777777777773</v>
      </c>
      <c r="C27" s="1" t="s">
        <v>553</v>
      </c>
      <c r="D27" s="1" t="s">
        <v>43</v>
      </c>
      <c r="E27" s="1" t="s">
        <v>107</v>
      </c>
      <c r="J27" s="1" t="s">
        <v>267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15</v>
      </c>
      <c r="B28" s="2">
        <v>0.39027777777777778</v>
      </c>
      <c r="C28" s="1" t="s">
        <v>476</v>
      </c>
      <c r="D28" s="1" t="s">
        <v>43</v>
      </c>
      <c r="E28" s="1" t="s">
        <v>70</v>
      </c>
      <c r="F28" s="1" t="s">
        <v>217</v>
      </c>
      <c r="G28" s="1" t="s">
        <v>213</v>
      </c>
      <c r="J28" s="1" t="s">
        <v>30</v>
      </c>
      <c r="K28" s="1" t="s">
        <v>272</v>
      </c>
      <c r="M28" s="1" t="s">
        <v>207</v>
      </c>
      <c r="N28" s="1" t="s">
        <v>33</v>
      </c>
      <c r="O28" s="1" t="s">
        <v>157</v>
      </c>
      <c r="P28" s="1" t="s">
        <v>35</v>
      </c>
      <c r="Q28" s="1" t="s">
        <v>40</v>
      </c>
      <c r="S28" s="1" t="s">
        <v>32</v>
      </c>
      <c r="U28" s="1">
        <v>8.8000000000000007</v>
      </c>
      <c r="V28" s="3">
        <v>5</v>
      </c>
      <c r="W28" s="1" t="s">
        <v>508</v>
      </c>
      <c r="X28" s="1">
        <v>0.99</v>
      </c>
      <c r="Y28" s="1">
        <v>5.8000000000000003E-2</v>
      </c>
      <c r="Z28" s="1">
        <v>1.4E-2</v>
      </c>
      <c r="AA28" t="s">
        <v>554</v>
      </c>
      <c r="AB28" t="s">
        <v>526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5</v>
      </c>
      <c r="BC28" s="1">
        <v>0.43</v>
      </c>
      <c r="BD28" s="1">
        <v>0.48</v>
      </c>
      <c r="BF28" s="1"/>
      <c r="BG28" s="1"/>
      <c r="BH28" s="1"/>
      <c r="BI28" s="1"/>
      <c r="BJ28" s="1"/>
      <c r="BK28" s="1"/>
      <c r="BL28" s="1"/>
      <c r="BM28" s="1">
        <v>0.14000000000000001</v>
      </c>
      <c r="BN28" s="1">
        <v>4.1000000000000002E-2</v>
      </c>
      <c r="BO28" s="1"/>
      <c r="BP28" s="1"/>
      <c r="BQ28" s="1">
        <v>32.15</v>
      </c>
      <c r="BR28" s="1"/>
      <c r="BS28" s="1"/>
      <c r="BT28" s="1">
        <v>3.7</v>
      </c>
      <c r="BU28" s="1"/>
      <c r="BV28" s="1"/>
      <c r="BW28" s="1"/>
      <c r="BX28" s="1"/>
      <c r="BY28" s="1"/>
      <c r="BZ28" s="1"/>
    </row>
    <row r="29" spans="1:78" x14ac:dyDescent="0.15">
      <c r="B29" s="2">
        <v>0.39027777777777778</v>
      </c>
      <c r="C29" s="1" t="s">
        <v>478</v>
      </c>
      <c r="D29" s="1" t="s">
        <v>43</v>
      </c>
      <c r="E29" s="1" t="s">
        <v>70</v>
      </c>
      <c r="G29" s="1" t="s">
        <v>212</v>
      </c>
      <c r="J29" s="1" t="s">
        <v>312</v>
      </c>
      <c r="N29" s="1" t="s">
        <v>33</v>
      </c>
      <c r="P29" s="1" t="s">
        <v>35</v>
      </c>
      <c r="Q29" s="1" t="s">
        <v>36</v>
      </c>
      <c r="S29" s="1" t="s">
        <v>111</v>
      </c>
      <c r="U29" s="1">
        <v>8.1</v>
      </c>
      <c r="V29" s="1"/>
      <c r="W29" s="1"/>
      <c r="X29" s="1">
        <v>0.55000000000000004</v>
      </c>
      <c r="Y29" s="1">
        <v>4.9000000000000002E-2</v>
      </c>
      <c r="Z29" s="1">
        <v>5.0000000000000001E-3</v>
      </c>
      <c r="AA29" t="s">
        <v>554</v>
      </c>
      <c r="AB29" t="s">
        <v>526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4</v>
      </c>
      <c r="BC29" s="1">
        <v>0.24</v>
      </c>
      <c r="BD29" s="1">
        <v>0.28999999999999998</v>
      </c>
      <c r="BF29" s="1"/>
      <c r="BG29" s="1"/>
      <c r="BH29" s="1"/>
      <c r="BI29" s="1"/>
      <c r="BJ29" s="1"/>
      <c r="BK29" s="1"/>
      <c r="BL29" s="1"/>
      <c r="BM29" s="1">
        <v>0.04</v>
      </c>
      <c r="BN29" s="1">
        <v>3.2000000000000001E-2</v>
      </c>
      <c r="BO29" s="1"/>
      <c r="BP29" s="1"/>
      <c r="BQ29" s="1">
        <v>3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9027777777777778</v>
      </c>
      <c r="C30" s="1" t="s">
        <v>553</v>
      </c>
      <c r="D30" s="1" t="s">
        <v>43</v>
      </c>
      <c r="E30" s="1" t="s">
        <v>70</v>
      </c>
      <c r="J30" s="1" t="s">
        <v>279</v>
      </c>
      <c r="N30" s="1" t="s">
        <v>33</v>
      </c>
      <c r="U30" s="1"/>
      <c r="V30" s="1"/>
      <c r="W30" s="1"/>
      <c r="X30" s="1"/>
      <c r="Y30" s="1"/>
      <c r="Z30" s="1"/>
      <c r="AA30" t="s">
        <v>554</v>
      </c>
      <c r="AB30" t="s">
        <v>554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5972222222222222</v>
      </c>
      <c r="C31" s="1" t="s">
        <v>476</v>
      </c>
      <c r="D31" s="1" t="s">
        <v>51</v>
      </c>
      <c r="E31" s="1" t="s">
        <v>477</v>
      </c>
      <c r="F31" s="1" t="s">
        <v>80</v>
      </c>
      <c r="G31" s="1" t="s">
        <v>263</v>
      </c>
      <c r="J31" s="1" t="s">
        <v>30</v>
      </c>
      <c r="K31" s="1" t="s">
        <v>249</v>
      </c>
      <c r="M31" s="1" t="s">
        <v>119</v>
      </c>
      <c r="N31" s="1" t="s">
        <v>33</v>
      </c>
      <c r="O31" s="1" t="s">
        <v>92</v>
      </c>
      <c r="P31" s="1" t="s">
        <v>35</v>
      </c>
      <c r="Q31" s="1" t="s">
        <v>84</v>
      </c>
      <c r="S31" s="1" t="s">
        <v>41</v>
      </c>
      <c r="U31" s="1">
        <v>9.6999999999999993</v>
      </c>
      <c r="V31" s="3">
        <v>2</v>
      </c>
      <c r="W31" s="1" t="s">
        <v>508</v>
      </c>
      <c r="X31" s="1">
        <v>0.94</v>
      </c>
      <c r="Y31" s="1">
        <v>3.4000000000000002E-2</v>
      </c>
      <c r="Z31" s="1">
        <v>6.0000000000000001E-3</v>
      </c>
      <c r="AA31" t="s">
        <v>555</v>
      </c>
      <c r="AB31" t="s">
        <v>52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3</v>
      </c>
      <c r="BC31" s="1">
        <v>0.42</v>
      </c>
      <c r="BD31" s="1">
        <v>0.47</v>
      </c>
      <c r="BF31" s="1"/>
      <c r="BG31" s="1"/>
      <c r="BH31" s="1"/>
      <c r="BI31" s="1"/>
      <c r="BJ31" s="1"/>
      <c r="BK31" s="1"/>
      <c r="BL31" s="1"/>
      <c r="BM31" s="1">
        <v>0.06</v>
      </c>
      <c r="BN31" s="1">
        <v>1.4999999999999999E-2</v>
      </c>
      <c r="BO31" s="1"/>
      <c r="BP31" s="1"/>
      <c r="BQ31" s="1">
        <v>31.93</v>
      </c>
      <c r="BR31" s="1" t="s">
        <v>531</v>
      </c>
      <c r="BS31" s="1" t="s">
        <v>511</v>
      </c>
      <c r="BT31" s="1">
        <v>5.2</v>
      </c>
      <c r="BU31" s="1"/>
      <c r="BV31" s="1"/>
      <c r="BW31" s="1"/>
      <c r="BX31" s="1"/>
      <c r="BY31" s="1"/>
      <c r="BZ31" s="1"/>
    </row>
    <row r="32" spans="1:78" x14ac:dyDescent="0.15">
      <c r="B32" s="2">
        <v>0.35972222222222222</v>
      </c>
      <c r="C32" s="1" t="s">
        <v>478</v>
      </c>
      <c r="D32" s="1" t="s">
        <v>51</v>
      </c>
      <c r="E32" s="1" t="s">
        <v>477</v>
      </c>
      <c r="G32" s="1" t="s">
        <v>175</v>
      </c>
      <c r="J32" s="1" t="s">
        <v>295</v>
      </c>
      <c r="N32" s="1" t="s">
        <v>33</v>
      </c>
      <c r="P32" s="1" t="s">
        <v>35</v>
      </c>
      <c r="Q32" s="1" t="s">
        <v>84</v>
      </c>
      <c r="S32" s="1" t="s">
        <v>170</v>
      </c>
      <c r="U32" s="1">
        <v>8</v>
      </c>
      <c r="V32" s="1"/>
      <c r="W32" s="1"/>
      <c r="X32" s="1">
        <v>0.55000000000000004</v>
      </c>
      <c r="Y32" s="1">
        <v>3.2000000000000001E-2</v>
      </c>
      <c r="Z32" s="1">
        <v>5.0000000000000001E-3</v>
      </c>
      <c r="AA32" t="s">
        <v>555</v>
      </c>
      <c r="AB32" t="s">
        <v>52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2</v>
      </c>
      <c r="BC32" s="1">
        <v>0.22</v>
      </c>
      <c r="BD32" s="1">
        <v>0.27</v>
      </c>
      <c r="BF32" s="1"/>
      <c r="BG32" s="1"/>
      <c r="BH32" s="1"/>
      <c r="BI32" s="1"/>
      <c r="BJ32" s="1"/>
      <c r="BK32" s="1"/>
      <c r="BL32" s="1"/>
      <c r="BM32" s="1">
        <v>0.05</v>
      </c>
      <c r="BN32" s="1">
        <v>1.2999999999999999E-2</v>
      </c>
      <c r="BO32" s="1"/>
      <c r="BP32" s="1"/>
      <c r="BQ32" s="1">
        <v>32.99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5972222222222222</v>
      </c>
      <c r="C33" s="1" t="s">
        <v>553</v>
      </c>
      <c r="D33" s="1" t="s">
        <v>51</v>
      </c>
      <c r="E33" s="1" t="s">
        <v>477</v>
      </c>
      <c r="J33" s="1" t="s">
        <v>203</v>
      </c>
      <c r="N33" s="1" t="s">
        <v>33</v>
      </c>
      <c r="U33" s="1"/>
      <c r="V33" s="1"/>
      <c r="W33" s="1"/>
      <c r="X33" s="1"/>
      <c r="Y33" s="1"/>
      <c r="Z33" s="1"/>
      <c r="AA33" t="s">
        <v>554</v>
      </c>
      <c r="AB33" t="s">
        <v>554</v>
      </c>
      <c r="AC33" s="1" t="s">
        <v>509</v>
      </c>
      <c r="AD33" s="1" t="s">
        <v>510</v>
      </c>
      <c r="AE33" s="1" t="s">
        <v>511</v>
      </c>
      <c r="AF33" s="1" t="s">
        <v>512</v>
      </c>
      <c r="AG33" s="1" t="s">
        <v>511</v>
      </c>
      <c r="AH33" s="1" t="s">
        <v>513</v>
      </c>
      <c r="AI33" s="1"/>
      <c r="AJ33" s="1" t="s">
        <v>513</v>
      </c>
      <c r="AK33" s="1" t="s">
        <v>514</v>
      </c>
      <c r="AL33" s="1" t="s">
        <v>514</v>
      </c>
      <c r="AM33" s="1" t="s">
        <v>514</v>
      </c>
      <c r="AN33" s="1" t="s">
        <v>514</v>
      </c>
      <c r="AO33" s="1" t="s">
        <v>514</v>
      </c>
      <c r="AP33" t="s">
        <v>514</v>
      </c>
      <c r="AQ33" s="1" t="s">
        <v>514</v>
      </c>
      <c r="AR33" s="1" t="s">
        <v>514</v>
      </c>
      <c r="AS33" s="1" t="s">
        <v>514</v>
      </c>
      <c r="AT33" s="1" t="s">
        <v>517</v>
      </c>
      <c r="AU33" s="1"/>
      <c r="AV33" s="1"/>
      <c r="AW33" s="1"/>
      <c r="AX33" s="1" t="s">
        <v>514</v>
      </c>
      <c r="AY33" s="1" t="s">
        <v>523</v>
      </c>
      <c r="AZ33" s="1"/>
      <c r="BA33" s="1"/>
      <c r="BB33" s="1"/>
      <c r="BC33" s="1"/>
      <c r="BD33" s="1"/>
      <c r="BE33" t="s">
        <v>511</v>
      </c>
      <c r="BF33" s="1" t="s">
        <v>511</v>
      </c>
      <c r="BG33" s="1" t="s">
        <v>524</v>
      </c>
      <c r="BH33" s="1" t="s">
        <v>512</v>
      </c>
      <c r="BI33" s="1" t="s">
        <v>510</v>
      </c>
      <c r="BJ33" s="1"/>
      <c r="BK33" s="1" t="s">
        <v>513</v>
      </c>
      <c r="BL33" s="1" t="s">
        <v>532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4791666666666665</v>
      </c>
      <c r="C34" s="1" t="s">
        <v>476</v>
      </c>
      <c r="D34" s="1" t="s">
        <v>43</v>
      </c>
      <c r="E34" s="1" t="s">
        <v>477</v>
      </c>
      <c r="F34" s="1" t="s">
        <v>206</v>
      </c>
      <c r="G34" s="1" t="s">
        <v>238</v>
      </c>
      <c r="J34" s="1" t="s">
        <v>30</v>
      </c>
      <c r="K34" s="1" t="s">
        <v>160</v>
      </c>
      <c r="M34" s="1" t="s">
        <v>37</v>
      </c>
      <c r="N34" s="1" t="s">
        <v>33</v>
      </c>
      <c r="O34" s="1" t="s">
        <v>92</v>
      </c>
      <c r="P34" s="1" t="s">
        <v>35</v>
      </c>
      <c r="Q34" s="1" t="s">
        <v>84</v>
      </c>
      <c r="S34" s="1" t="s">
        <v>131</v>
      </c>
      <c r="U34" s="1">
        <v>9.3000000000000007</v>
      </c>
      <c r="V34" s="3">
        <v>7900</v>
      </c>
      <c r="W34" s="1" t="s">
        <v>508</v>
      </c>
      <c r="X34" s="1">
        <v>1.6</v>
      </c>
      <c r="Y34" s="1">
        <v>6.5000000000000002E-2</v>
      </c>
      <c r="Z34" s="1">
        <v>1.4E-2</v>
      </c>
      <c r="AA34" t="s">
        <v>554</v>
      </c>
      <c r="AB34" t="s">
        <v>567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3</v>
      </c>
      <c r="BC34" s="1">
        <v>0.61</v>
      </c>
      <c r="BD34" s="1">
        <v>0.66</v>
      </c>
      <c r="BF34" s="1"/>
      <c r="BG34" s="1"/>
      <c r="BH34" s="1"/>
      <c r="BI34" s="1"/>
      <c r="BJ34" s="1"/>
      <c r="BK34" s="1"/>
      <c r="BL34" s="1"/>
      <c r="BM34" s="1">
        <v>0.2</v>
      </c>
      <c r="BN34" s="1">
        <v>6.0999999999999999E-2</v>
      </c>
      <c r="BO34" s="1"/>
      <c r="BP34" s="1"/>
      <c r="BQ34" s="1">
        <v>29.74</v>
      </c>
      <c r="BR34" s="1"/>
      <c r="BS34" s="1"/>
      <c r="BT34" s="1">
        <v>3.3</v>
      </c>
      <c r="BU34" s="1"/>
      <c r="BV34" s="1"/>
      <c r="BW34" s="1"/>
      <c r="BX34" s="1"/>
      <c r="BY34" s="1"/>
      <c r="BZ34" s="1"/>
    </row>
    <row r="35" spans="1:78" x14ac:dyDescent="0.15">
      <c r="B35" s="2">
        <v>0.34791666666666665</v>
      </c>
      <c r="C35" s="1" t="s">
        <v>478</v>
      </c>
      <c r="D35" s="1" t="s">
        <v>43</v>
      </c>
      <c r="E35" s="1" t="s">
        <v>477</v>
      </c>
      <c r="G35" s="1" t="s">
        <v>95</v>
      </c>
      <c r="J35" s="1" t="s">
        <v>296</v>
      </c>
      <c r="N35" s="1" t="s">
        <v>33</v>
      </c>
      <c r="P35" s="1" t="s">
        <v>35</v>
      </c>
      <c r="Q35" s="1" t="s">
        <v>36</v>
      </c>
      <c r="S35" s="1" t="s">
        <v>57</v>
      </c>
      <c r="U35" s="1">
        <v>6.9</v>
      </c>
      <c r="V35" s="1"/>
      <c r="W35" s="1"/>
      <c r="X35" s="1">
        <v>0.46</v>
      </c>
      <c r="Y35" s="1">
        <v>3.7999999999999999E-2</v>
      </c>
      <c r="Z35" s="1">
        <v>7.0000000000000001E-3</v>
      </c>
      <c r="AA35" t="s">
        <v>554</v>
      </c>
      <c r="AB35" t="s">
        <v>526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16</v>
      </c>
      <c r="BD35" s="1">
        <v>0.21</v>
      </c>
      <c r="BF35" s="1"/>
      <c r="BG35" s="1"/>
      <c r="BH35" s="1"/>
      <c r="BI35" s="1"/>
      <c r="BJ35" s="1"/>
      <c r="BK35" s="1"/>
      <c r="BL35" s="1"/>
      <c r="BM35" s="1" t="s">
        <v>533</v>
      </c>
      <c r="BN35" s="1">
        <v>3.1E-2</v>
      </c>
      <c r="BO35" s="1"/>
      <c r="BP35" s="1"/>
      <c r="BQ35" s="1">
        <v>33.93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4791666666666665</v>
      </c>
      <c r="C36" s="1" t="s">
        <v>553</v>
      </c>
      <c r="D36" s="1" t="s">
        <v>43</v>
      </c>
      <c r="E36" s="1" t="s">
        <v>477</v>
      </c>
      <c r="J36" s="1" t="s">
        <v>120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2" spans="21:21" x14ac:dyDescent="0.15">
      <c r="U1312" s="1"/>
    </row>
    <row r="1313" spans="21:21" x14ac:dyDescent="0.15">
      <c r="U1313" s="1"/>
    </row>
    <row r="1314" spans="21:21" x14ac:dyDescent="0.15">
      <c r="U1314" s="1"/>
    </row>
    <row r="1315" spans="21:21" x14ac:dyDescent="0.15">
      <c r="U1315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0" spans="21:21" x14ac:dyDescent="0.15">
      <c r="U1350" s="1"/>
    </row>
    <row r="1351" spans="21:21" x14ac:dyDescent="0.15">
      <c r="U1351" s="1"/>
    </row>
    <row r="1352" spans="21:21" x14ac:dyDescent="0.15">
      <c r="U1352" s="1"/>
    </row>
    <row r="1353" spans="21:21" x14ac:dyDescent="0.15">
      <c r="U1353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88" spans="21:21" x14ac:dyDescent="0.15">
      <c r="U1388" s="1"/>
    </row>
    <row r="1389" spans="21:21" x14ac:dyDescent="0.15">
      <c r="U1389" s="1"/>
    </row>
    <row r="1390" spans="21:21" x14ac:dyDescent="0.15">
      <c r="U1390" s="1"/>
    </row>
    <row r="1391" spans="21:21" x14ac:dyDescent="0.15">
      <c r="U1391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  <row r="1426" spans="21:21" x14ac:dyDescent="0.15">
      <c r="U1426" s="1"/>
    </row>
    <row r="1427" spans="21:21" x14ac:dyDescent="0.15">
      <c r="U1427" s="1"/>
    </row>
    <row r="1428" spans="21:21" x14ac:dyDescent="0.15">
      <c r="U1428" s="1"/>
    </row>
    <row r="1429" spans="21:21" x14ac:dyDescent="0.15">
      <c r="U1429" s="1"/>
    </row>
    <row r="1430" spans="21:21" x14ac:dyDescent="0.15">
      <c r="U1430" s="1"/>
    </row>
    <row r="1431" spans="21:21" x14ac:dyDescent="0.15">
      <c r="U1431" s="1"/>
    </row>
    <row r="1432" spans="21:21" x14ac:dyDescent="0.15">
      <c r="U1432" s="1"/>
    </row>
    <row r="1433" spans="21:21" x14ac:dyDescent="0.15">
      <c r="U1433" s="1"/>
    </row>
    <row r="1434" spans="21:21" x14ac:dyDescent="0.15">
      <c r="U1434" s="1"/>
    </row>
    <row r="1435" spans="21:21" x14ac:dyDescent="0.15">
      <c r="U1435" s="1"/>
    </row>
    <row r="1436" spans="21:21" x14ac:dyDescent="0.15">
      <c r="U1436" s="1"/>
    </row>
    <row r="1437" spans="21:21" x14ac:dyDescent="0.15">
      <c r="U1437" s="1"/>
    </row>
    <row r="1438" spans="21:21" x14ac:dyDescent="0.15">
      <c r="U1438" s="1"/>
    </row>
    <row r="1439" spans="21:21" x14ac:dyDescent="0.15">
      <c r="U1439" s="1"/>
    </row>
    <row r="1440" spans="21:21" x14ac:dyDescent="0.15">
      <c r="U1440" s="1"/>
    </row>
    <row r="1441" spans="21:21" x14ac:dyDescent="0.15">
      <c r="U1441" s="1"/>
    </row>
    <row r="1442" spans="21:21" x14ac:dyDescent="0.15">
      <c r="U1442" s="1"/>
    </row>
    <row r="1443" spans="21:21" x14ac:dyDescent="0.15">
      <c r="U1443" s="1"/>
    </row>
    <row r="1444" spans="21:21" x14ac:dyDescent="0.15">
      <c r="U1444" s="1"/>
    </row>
    <row r="1445" spans="21:21" x14ac:dyDescent="0.15">
      <c r="U1445" s="1"/>
    </row>
    <row r="1446" spans="21:21" x14ac:dyDescent="0.15">
      <c r="U1446" s="1"/>
    </row>
    <row r="1447" spans="21:21" x14ac:dyDescent="0.15">
      <c r="U1447" s="1"/>
    </row>
    <row r="1448" spans="21:21" x14ac:dyDescent="0.15">
      <c r="U1448" s="1"/>
    </row>
    <row r="1453" spans="21:21" x14ac:dyDescent="0.15">
      <c r="U1453" s="1"/>
    </row>
    <row r="1454" spans="21:21" x14ac:dyDescent="0.15">
      <c r="U1454" s="1"/>
    </row>
    <row r="1455" spans="21:21" x14ac:dyDescent="0.15">
      <c r="U1455" s="1"/>
    </row>
    <row r="1456" spans="21:21" x14ac:dyDescent="0.15">
      <c r="U1456" s="1"/>
    </row>
    <row r="1457" spans="21:21" x14ac:dyDescent="0.15">
      <c r="U1457" s="1"/>
    </row>
    <row r="1458" spans="21:21" x14ac:dyDescent="0.15">
      <c r="U1458" s="1"/>
    </row>
    <row r="1459" spans="21:21" x14ac:dyDescent="0.15">
      <c r="U1459" s="1"/>
    </row>
    <row r="1460" spans="21:21" x14ac:dyDescent="0.15">
      <c r="U1460" s="1"/>
    </row>
    <row r="1461" spans="21:21" x14ac:dyDescent="0.15">
      <c r="U1461" s="1"/>
    </row>
    <row r="1462" spans="21:21" x14ac:dyDescent="0.15">
      <c r="U1462" s="1"/>
    </row>
    <row r="1463" spans="21:21" x14ac:dyDescent="0.15">
      <c r="U1463" s="1"/>
    </row>
    <row r="1464" spans="21:21" x14ac:dyDescent="0.15">
      <c r="U1464" s="1"/>
    </row>
    <row r="1465" spans="21:21" x14ac:dyDescent="0.15">
      <c r="U1465" s="1"/>
    </row>
    <row r="1466" spans="21:21" x14ac:dyDescent="0.15">
      <c r="U1466" s="1"/>
    </row>
    <row r="1467" spans="21:21" x14ac:dyDescent="0.15">
      <c r="U1467" s="1"/>
    </row>
    <row r="1468" spans="21:21" x14ac:dyDescent="0.15">
      <c r="U1468" s="1"/>
    </row>
    <row r="1469" spans="21:21" x14ac:dyDescent="0.15">
      <c r="U1469" s="1"/>
    </row>
    <row r="1470" spans="21:21" x14ac:dyDescent="0.15">
      <c r="U1470" s="1"/>
    </row>
    <row r="1471" spans="21:21" x14ac:dyDescent="0.15">
      <c r="U1471" s="1"/>
    </row>
    <row r="1472" spans="21:21" x14ac:dyDescent="0.15">
      <c r="U1472" s="1"/>
    </row>
    <row r="1473" spans="21:21" x14ac:dyDescent="0.15">
      <c r="U1473" s="1"/>
    </row>
    <row r="1474" spans="21:21" x14ac:dyDescent="0.15">
      <c r="U1474" s="1"/>
    </row>
    <row r="1475" spans="21:21" x14ac:dyDescent="0.15">
      <c r="U1475" s="1"/>
    </row>
    <row r="1476" spans="21:21" x14ac:dyDescent="0.15">
      <c r="U1476" s="1"/>
    </row>
    <row r="1477" spans="21:21" x14ac:dyDescent="0.15">
      <c r="U1477" s="1"/>
    </row>
    <row r="1478" spans="21:21" x14ac:dyDescent="0.15">
      <c r="U1478" s="1"/>
    </row>
    <row r="1479" spans="21:21" x14ac:dyDescent="0.15">
      <c r="U1479" s="1"/>
    </row>
    <row r="1480" spans="21:21" x14ac:dyDescent="0.15">
      <c r="U1480" s="1"/>
    </row>
    <row r="1481" spans="21:21" x14ac:dyDescent="0.15">
      <c r="U1481" s="1"/>
    </row>
    <row r="1482" spans="21:21" x14ac:dyDescent="0.15">
      <c r="U1482" s="1"/>
    </row>
    <row r="1483" spans="21:21" x14ac:dyDescent="0.15">
      <c r="U1483" s="1"/>
    </row>
    <row r="1484" spans="21:21" x14ac:dyDescent="0.15">
      <c r="U1484" s="1"/>
    </row>
    <row r="1485" spans="21:21" x14ac:dyDescent="0.15">
      <c r="U1485" s="1"/>
    </row>
    <row r="1486" spans="21:21" x14ac:dyDescent="0.15">
      <c r="U1486" s="1"/>
    </row>
  </sheetData>
  <phoneticPr fontId="18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2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65</v>
      </c>
      <c r="C1" s="1" t="s">
        <v>1</v>
      </c>
      <c r="D1" s="1" t="s">
        <v>489</v>
      </c>
      <c r="E1" s="1" t="s">
        <v>2</v>
      </c>
      <c r="F1" s="1" t="s">
        <v>488</v>
      </c>
      <c r="G1" s="1" t="s">
        <v>3</v>
      </c>
      <c r="H1" s="1" t="s">
        <v>48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69</v>
      </c>
      <c r="V2" s="1" t="s">
        <v>418</v>
      </c>
      <c r="W2" s="1" t="s">
        <v>505</v>
      </c>
      <c r="X2" s="1" t="s">
        <v>419</v>
      </c>
      <c r="Y2" s="1" t="s">
        <v>420</v>
      </c>
      <c r="Z2" s="1" t="s">
        <v>421</v>
      </c>
      <c r="AA2" s="1" t="s">
        <v>544</v>
      </c>
      <c r="AB2" s="1" t="s">
        <v>548</v>
      </c>
      <c r="AC2" s="1" t="s">
        <v>422</v>
      </c>
      <c r="AD2" s="1" t="s">
        <v>423</v>
      </c>
      <c r="AE2" s="1" t="s">
        <v>506</v>
      </c>
      <c r="AF2" s="1" t="s">
        <v>424</v>
      </c>
      <c r="AG2" s="1" t="s">
        <v>425</v>
      </c>
      <c r="AH2" s="1" t="s">
        <v>426</v>
      </c>
      <c r="AI2" s="1" t="s">
        <v>427</v>
      </c>
      <c r="AJ2" s="1" t="s">
        <v>428</v>
      </c>
      <c r="AK2" s="1" t="s">
        <v>429</v>
      </c>
      <c r="AL2" s="1" t="s">
        <v>430</v>
      </c>
      <c r="AM2" s="1" t="s">
        <v>431</v>
      </c>
      <c r="AN2" s="1" t="s">
        <v>432</v>
      </c>
      <c r="AO2" s="1" t="s">
        <v>433</v>
      </c>
      <c r="AP2" t="s">
        <v>535</v>
      </c>
      <c r="AQ2" s="1" t="s">
        <v>434</v>
      </c>
      <c r="AR2" s="1" t="s">
        <v>435</v>
      </c>
      <c r="AS2" s="1" t="s">
        <v>436</v>
      </c>
      <c r="AT2" s="1" t="s">
        <v>519</v>
      </c>
      <c r="AU2" s="1" t="s">
        <v>437</v>
      </c>
      <c r="AV2" s="1" t="s">
        <v>438</v>
      </c>
      <c r="AW2" s="1" t="s">
        <v>439</v>
      </c>
      <c r="AX2" s="1" t="s">
        <v>440</v>
      </c>
      <c r="AY2" s="1" t="s">
        <v>441</v>
      </c>
      <c r="AZ2" s="1" t="s">
        <v>442</v>
      </c>
      <c r="BA2" s="1" t="s">
        <v>443</v>
      </c>
      <c r="BB2" s="1" t="s">
        <v>444</v>
      </c>
      <c r="BC2" s="1" t="s">
        <v>445</v>
      </c>
      <c r="BD2" s="1" t="s">
        <v>446</v>
      </c>
      <c r="BE2" s="1" t="s">
        <v>540</v>
      </c>
      <c r="BF2" s="1" t="s">
        <v>447</v>
      </c>
      <c r="BG2" s="1" t="s">
        <v>520</v>
      </c>
      <c r="BH2" s="1" t="s">
        <v>521</v>
      </c>
      <c r="BI2" s="1" t="s">
        <v>448</v>
      </c>
      <c r="BJ2" s="1" t="s">
        <v>449</v>
      </c>
      <c r="BK2" s="1" t="s">
        <v>450</v>
      </c>
      <c r="BL2" s="1" t="s">
        <v>451</v>
      </c>
      <c r="BM2" s="1" t="s">
        <v>452</v>
      </c>
      <c r="BN2" s="1" t="s">
        <v>453</v>
      </c>
      <c r="BO2" s="1" t="s">
        <v>454</v>
      </c>
      <c r="BP2" s="1" t="s">
        <v>455</v>
      </c>
      <c r="BQ2" s="1" t="s">
        <v>456</v>
      </c>
      <c r="BR2" s="1" t="s">
        <v>457</v>
      </c>
      <c r="BS2" s="1" t="s">
        <v>458</v>
      </c>
      <c r="BT2" s="1" t="s">
        <v>459</v>
      </c>
      <c r="BU2" s="1" t="s">
        <v>460</v>
      </c>
      <c r="BV2" s="1" t="s">
        <v>461</v>
      </c>
      <c r="BW2" s="1" t="s">
        <v>462</v>
      </c>
      <c r="BX2" s="1" t="s">
        <v>463</v>
      </c>
      <c r="BY2" s="1" t="s">
        <v>464</v>
      </c>
      <c r="BZ2" s="1" t="s">
        <v>528</v>
      </c>
    </row>
    <row r="3" spans="1:78" x14ac:dyDescent="0.15">
      <c r="A3" s="1" t="s">
        <v>470</v>
      </c>
      <c r="B3" s="1" t="s">
        <v>471</v>
      </c>
      <c r="C3" s="1"/>
      <c r="D3" s="1"/>
      <c r="E3" s="1"/>
      <c r="F3" s="1" t="s">
        <v>472</v>
      </c>
      <c r="G3" s="1" t="s">
        <v>472</v>
      </c>
      <c r="H3" s="1" t="s">
        <v>473</v>
      </c>
      <c r="I3" s="1" t="s">
        <v>24</v>
      </c>
      <c r="J3" s="1" t="s">
        <v>474</v>
      </c>
      <c r="K3" s="1" t="s">
        <v>474</v>
      </c>
      <c r="L3" s="1" t="s">
        <v>475</v>
      </c>
      <c r="M3" s="1" t="s">
        <v>474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07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29</v>
      </c>
      <c r="BP3" s="1" t="s">
        <v>25</v>
      </c>
      <c r="BQ3" s="1" t="s">
        <v>530</v>
      </c>
      <c r="BR3" s="1" t="s">
        <v>25</v>
      </c>
      <c r="BS3" s="1" t="s">
        <v>25</v>
      </c>
      <c r="BT3" s="1" t="s">
        <v>536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14</v>
      </c>
      <c r="B4" s="2">
        <v>0.40416666666666662</v>
      </c>
      <c r="C4" s="1" t="s">
        <v>476</v>
      </c>
      <c r="D4" s="1" t="s">
        <v>27</v>
      </c>
      <c r="E4" s="1" t="s">
        <v>477</v>
      </c>
      <c r="F4" s="1" t="s">
        <v>109</v>
      </c>
      <c r="G4" s="1" t="s">
        <v>147</v>
      </c>
      <c r="J4" s="1" t="s">
        <v>30</v>
      </c>
      <c r="K4" s="1" t="s">
        <v>104</v>
      </c>
      <c r="M4" s="1" t="s">
        <v>319</v>
      </c>
      <c r="N4" s="1" t="s">
        <v>33</v>
      </c>
      <c r="O4" s="1" t="s">
        <v>157</v>
      </c>
      <c r="P4" s="1" t="s">
        <v>35</v>
      </c>
      <c r="Q4" s="1" t="s">
        <v>36</v>
      </c>
      <c r="S4" s="1" t="s">
        <v>91</v>
      </c>
      <c r="U4" s="1">
        <v>8.8000000000000007</v>
      </c>
      <c r="V4" s="3">
        <v>2</v>
      </c>
      <c r="W4" s="1" t="s">
        <v>508</v>
      </c>
      <c r="X4" s="1">
        <v>0.34</v>
      </c>
      <c r="Y4" s="1">
        <v>3.7999999999999999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2</v>
      </c>
      <c r="BC4" s="1">
        <v>0.12</v>
      </c>
      <c r="BD4" s="1">
        <v>0.17</v>
      </c>
      <c r="BE4" s="1"/>
      <c r="BF4" s="1"/>
      <c r="BG4" s="1"/>
      <c r="BH4" s="1"/>
      <c r="BI4" s="1"/>
      <c r="BJ4" s="1"/>
      <c r="BK4" s="1"/>
      <c r="BL4" s="1"/>
      <c r="BM4" s="1" t="s">
        <v>533</v>
      </c>
      <c r="BN4" s="1">
        <v>1.7999999999999999E-2</v>
      </c>
      <c r="BO4" s="1"/>
      <c r="BP4" s="1"/>
      <c r="BQ4" s="1">
        <v>32.46</v>
      </c>
      <c r="BR4" s="1"/>
      <c r="BS4" s="1"/>
      <c r="BT4" s="1">
        <v>25</v>
      </c>
      <c r="BU4" s="1"/>
      <c r="BV4" s="1"/>
      <c r="BW4" s="1"/>
      <c r="BX4" s="1"/>
      <c r="BY4" s="1"/>
      <c r="BZ4" s="1"/>
    </row>
    <row r="5" spans="1:78" x14ac:dyDescent="0.15">
      <c r="B5" s="2">
        <v>0.40416666666666662</v>
      </c>
      <c r="C5" s="1" t="s">
        <v>478</v>
      </c>
      <c r="D5" s="1" t="s">
        <v>27</v>
      </c>
      <c r="E5" s="1" t="s">
        <v>477</v>
      </c>
      <c r="G5" s="1" t="s">
        <v>164</v>
      </c>
      <c r="J5" s="1" t="s">
        <v>311</v>
      </c>
      <c r="N5" s="1" t="s">
        <v>33</v>
      </c>
      <c r="P5" s="1" t="s">
        <v>35</v>
      </c>
      <c r="Q5" s="1" t="s">
        <v>36</v>
      </c>
      <c r="S5" s="1" t="s">
        <v>57</v>
      </c>
      <c r="U5" s="1">
        <v>8.8000000000000007</v>
      </c>
      <c r="V5" s="1"/>
      <c r="W5" s="1"/>
      <c r="X5" s="1">
        <v>0.32</v>
      </c>
      <c r="Y5" s="1">
        <v>3.9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2</v>
      </c>
      <c r="BC5" s="1">
        <v>0.13</v>
      </c>
      <c r="BD5" s="1">
        <v>0.18</v>
      </c>
      <c r="BE5" s="1"/>
      <c r="BF5" s="1"/>
      <c r="BG5" s="1"/>
      <c r="BH5" s="1"/>
      <c r="BI5" s="1"/>
      <c r="BJ5" s="1"/>
      <c r="BK5" s="1"/>
      <c r="BL5" s="1"/>
      <c r="BM5" s="1" t="s">
        <v>533</v>
      </c>
      <c r="BN5" s="1">
        <v>1.2999999999999999E-2</v>
      </c>
      <c r="BO5" s="1"/>
      <c r="BP5" s="1"/>
      <c r="BQ5" s="1">
        <v>32.71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2</v>
      </c>
      <c r="B6" s="2">
        <v>0.41597222222222219</v>
      </c>
      <c r="C6" s="1" t="s">
        <v>476</v>
      </c>
      <c r="D6" s="1" t="s">
        <v>43</v>
      </c>
      <c r="E6" s="1" t="s">
        <v>44</v>
      </c>
      <c r="F6" s="1" t="s">
        <v>300</v>
      </c>
      <c r="G6" s="1" t="s">
        <v>155</v>
      </c>
      <c r="J6" s="1" t="s">
        <v>30</v>
      </c>
      <c r="K6" s="1" t="s">
        <v>32</v>
      </c>
      <c r="M6" s="1" t="s">
        <v>201</v>
      </c>
      <c r="N6" s="1" t="s">
        <v>33</v>
      </c>
      <c r="O6" s="1" t="s">
        <v>157</v>
      </c>
      <c r="P6" s="1" t="s">
        <v>35</v>
      </c>
      <c r="Q6" s="1" t="s">
        <v>36</v>
      </c>
      <c r="S6" s="1" t="s">
        <v>320</v>
      </c>
      <c r="U6" s="1">
        <v>9.5</v>
      </c>
      <c r="V6" s="3">
        <v>3300</v>
      </c>
      <c r="W6" s="1" t="s">
        <v>508</v>
      </c>
      <c r="X6" s="1">
        <v>0.72</v>
      </c>
      <c r="Y6" s="1">
        <v>4.9000000000000002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1</v>
      </c>
      <c r="BC6" s="1">
        <v>0.55000000000000004</v>
      </c>
      <c r="BD6" s="1">
        <v>0.6</v>
      </c>
      <c r="BE6" s="1"/>
      <c r="BF6" s="1"/>
      <c r="BG6" s="1"/>
      <c r="BH6" s="1"/>
      <c r="BI6" s="1"/>
      <c r="BJ6" s="1"/>
      <c r="BK6" s="1"/>
      <c r="BL6" s="1"/>
      <c r="BM6" s="1">
        <v>0.04</v>
      </c>
      <c r="BN6" s="1">
        <v>3.5999999999999997E-2</v>
      </c>
      <c r="BO6" s="1"/>
      <c r="BP6" s="1"/>
      <c r="BQ6" s="1">
        <v>9.26</v>
      </c>
      <c r="BR6" s="1"/>
      <c r="BS6" s="1"/>
      <c r="BT6" s="1">
        <v>6.1</v>
      </c>
      <c r="BU6" s="1"/>
      <c r="BV6" s="1"/>
      <c r="BW6" s="1"/>
      <c r="BX6" s="1"/>
      <c r="BY6" s="1"/>
      <c r="BZ6" s="1"/>
    </row>
    <row r="7" spans="1:78" x14ac:dyDescent="0.15">
      <c r="B7" s="2">
        <v>0.41597222222222219</v>
      </c>
      <c r="C7" s="1" t="s">
        <v>478</v>
      </c>
      <c r="D7" s="1" t="s">
        <v>43</v>
      </c>
      <c r="E7" s="1" t="s">
        <v>44</v>
      </c>
      <c r="G7" s="1" t="s">
        <v>140</v>
      </c>
      <c r="J7" s="1" t="s">
        <v>114</v>
      </c>
      <c r="N7" s="1" t="s">
        <v>33</v>
      </c>
      <c r="P7" s="1" t="s">
        <v>35</v>
      </c>
      <c r="Q7" s="1" t="s">
        <v>36</v>
      </c>
      <c r="S7" s="1" t="s">
        <v>49</v>
      </c>
      <c r="U7" s="1">
        <v>7.3</v>
      </c>
      <c r="V7" s="1"/>
      <c r="W7" s="1"/>
      <c r="X7" s="1">
        <v>0.5</v>
      </c>
      <c r="Y7" s="1">
        <v>3.6999999999999998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24</v>
      </c>
      <c r="BD7" s="1">
        <v>0.28999999999999998</v>
      </c>
      <c r="BE7" s="1"/>
      <c r="BF7" s="1"/>
      <c r="BG7" s="1"/>
      <c r="BH7" s="1"/>
      <c r="BI7" s="1"/>
      <c r="BJ7" s="1"/>
      <c r="BK7" s="1"/>
      <c r="BL7" s="1"/>
      <c r="BM7" s="1">
        <v>7.0000000000000007E-2</v>
      </c>
      <c r="BN7" s="1">
        <v>1.7999999999999999E-2</v>
      </c>
      <c r="BO7" s="1"/>
      <c r="BP7" s="1"/>
      <c r="BQ7" s="1">
        <v>24.64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0</v>
      </c>
      <c r="B8" s="2">
        <v>0.39305555555555555</v>
      </c>
      <c r="C8" s="1" t="s">
        <v>476</v>
      </c>
      <c r="D8" s="1" t="s">
        <v>51</v>
      </c>
      <c r="E8" s="1" t="s">
        <v>477</v>
      </c>
      <c r="F8" s="1" t="s">
        <v>202</v>
      </c>
      <c r="G8" s="1" t="s">
        <v>53</v>
      </c>
      <c r="J8" s="1" t="s">
        <v>30</v>
      </c>
      <c r="K8" s="1" t="s">
        <v>101</v>
      </c>
      <c r="M8" s="1" t="s">
        <v>54</v>
      </c>
      <c r="N8" s="1" t="s">
        <v>33</v>
      </c>
      <c r="O8" s="1" t="s">
        <v>157</v>
      </c>
      <c r="P8" s="1" t="s">
        <v>35</v>
      </c>
      <c r="Q8" s="1" t="s">
        <v>55</v>
      </c>
      <c r="S8" s="1" t="s">
        <v>130</v>
      </c>
      <c r="U8" s="1">
        <v>8.9</v>
      </c>
      <c r="V8" s="1" t="s">
        <v>515</v>
      </c>
      <c r="W8" s="1" t="s">
        <v>508</v>
      </c>
      <c r="X8" s="1">
        <v>0.48</v>
      </c>
      <c r="Y8" s="1">
        <v>9.2999999999999999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0</v>
      </c>
      <c r="BC8" s="1" t="s">
        <v>512</v>
      </c>
      <c r="BD8" s="1" t="s">
        <v>522</v>
      </c>
      <c r="BE8" s="1"/>
      <c r="BF8" s="1"/>
      <c r="BG8" s="1"/>
      <c r="BH8" s="1"/>
      <c r="BI8" s="1"/>
      <c r="BJ8" s="1"/>
      <c r="BK8" s="1"/>
      <c r="BL8" s="1"/>
      <c r="BM8" s="1" t="s">
        <v>533</v>
      </c>
      <c r="BN8" s="1" t="s">
        <v>518</v>
      </c>
      <c r="BO8" s="1"/>
      <c r="BP8" s="1"/>
      <c r="BQ8" s="1">
        <v>29.05</v>
      </c>
      <c r="BR8" s="1"/>
      <c r="BS8" s="1"/>
      <c r="BT8" s="1">
        <v>21</v>
      </c>
      <c r="BU8" s="1"/>
      <c r="BV8" s="1"/>
      <c r="BW8" s="1"/>
      <c r="BX8" s="1"/>
      <c r="BY8" s="1"/>
      <c r="BZ8" s="1"/>
    </row>
    <row r="9" spans="1:78" x14ac:dyDescent="0.15">
      <c r="B9" s="2">
        <v>0.39305555555555555</v>
      </c>
      <c r="C9" s="1" t="s">
        <v>478</v>
      </c>
      <c r="D9" s="1" t="s">
        <v>51</v>
      </c>
      <c r="E9" s="1" t="s">
        <v>477</v>
      </c>
      <c r="G9" s="1" t="s">
        <v>199</v>
      </c>
      <c r="J9" s="1" t="s">
        <v>41</v>
      </c>
      <c r="N9" s="1" t="s">
        <v>33</v>
      </c>
      <c r="P9" s="1" t="s">
        <v>35</v>
      </c>
      <c r="Q9" s="1" t="s">
        <v>55</v>
      </c>
      <c r="S9" s="1" t="s">
        <v>141</v>
      </c>
      <c r="U9" s="1">
        <v>8.4</v>
      </c>
      <c r="V9" s="1"/>
      <c r="W9" s="1"/>
      <c r="X9" s="1">
        <v>0.38</v>
      </c>
      <c r="Y9" s="1">
        <v>4.5999999999999999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0</v>
      </c>
      <c r="BC9" s="1" t="s">
        <v>512</v>
      </c>
      <c r="BD9" s="1" t="s">
        <v>522</v>
      </c>
      <c r="BE9" s="1"/>
      <c r="BF9" s="1"/>
      <c r="BG9" s="1"/>
      <c r="BH9" s="1"/>
      <c r="BI9" s="1"/>
      <c r="BJ9" s="1"/>
      <c r="BK9" s="1"/>
      <c r="BL9" s="1"/>
      <c r="BM9" s="1">
        <v>0.04</v>
      </c>
      <c r="BN9" s="1" t="s">
        <v>518</v>
      </c>
      <c r="BO9" s="1"/>
      <c r="BP9" s="1"/>
      <c r="BQ9" s="1">
        <v>29.94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152777777777778</v>
      </c>
      <c r="C10" s="1" t="s">
        <v>476</v>
      </c>
      <c r="D10" s="1" t="s">
        <v>27</v>
      </c>
      <c r="E10" s="1" t="s">
        <v>477</v>
      </c>
      <c r="F10" s="1" t="s">
        <v>189</v>
      </c>
      <c r="G10" s="1" t="s">
        <v>307</v>
      </c>
      <c r="J10" s="1" t="s">
        <v>30</v>
      </c>
      <c r="K10" s="1" t="s">
        <v>111</v>
      </c>
      <c r="M10" s="1" t="s">
        <v>149</v>
      </c>
      <c r="N10" s="1" t="s">
        <v>33</v>
      </c>
      <c r="O10" s="1" t="s">
        <v>157</v>
      </c>
      <c r="P10" s="1" t="s">
        <v>35</v>
      </c>
      <c r="Q10" s="1" t="s">
        <v>36</v>
      </c>
      <c r="S10" s="1" t="s">
        <v>101</v>
      </c>
      <c r="U10" s="1">
        <v>8.4</v>
      </c>
      <c r="V10" s="1" t="s">
        <v>515</v>
      </c>
      <c r="W10" s="1" t="s">
        <v>508</v>
      </c>
      <c r="X10" s="1">
        <v>0.4</v>
      </c>
      <c r="Y10" s="1">
        <v>5.2999999999999999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0</v>
      </c>
      <c r="BC10" s="1">
        <v>0.03</v>
      </c>
      <c r="BD10" s="1" t="s">
        <v>522</v>
      </c>
      <c r="BE10" s="1"/>
      <c r="BF10" s="1"/>
      <c r="BG10" s="1"/>
      <c r="BH10" s="1"/>
      <c r="BI10" s="1"/>
      <c r="BJ10" s="1"/>
      <c r="BK10" s="1"/>
      <c r="BL10" s="1"/>
      <c r="BM10" s="1" t="s">
        <v>533</v>
      </c>
      <c r="BN10" s="1">
        <v>7.0000000000000001E-3</v>
      </c>
      <c r="BO10" s="1"/>
      <c r="BP10" s="1"/>
      <c r="BQ10" s="1">
        <v>30.33</v>
      </c>
      <c r="BR10" s="1" t="s">
        <v>531</v>
      </c>
      <c r="BS10" s="1" t="s">
        <v>511</v>
      </c>
      <c r="BT10" s="1">
        <v>10</v>
      </c>
      <c r="BU10" s="1"/>
      <c r="BV10" s="1"/>
      <c r="BW10" s="1"/>
      <c r="BX10" s="1"/>
      <c r="BY10" s="1"/>
      <c r="BZ10" s="1"/>
    </row>
    <row r="11" spans="1:78" x14ac:dyDescent="0.15">
      <c r="B11" s="2">
        <v>0.4152777777777778</v>
      </c>
      <c r="C11" s="1" t="s">
        <v>478</v>
      </c>
      <c r="D11" s="1" t="s">
        <v>27</v>
      </c>
      <c r="E11" s="1" t="s">
        <v>477</v>
      </c>
      <c r="G11" s="1" t="s">
        <v>272</v>
      </c>
      <c r="J11" s="1" t="s">
        <v>286</v>
      </c>
      <c r="N11" s="1" t="s">
        <v>33</v>
      </c>
      <c r="P11" s="1" t="s">
        <v>35</v>
      </c>
      <c r="Q11" s="1" t="s">
        <v>36</v>
      </c>
      <c r="S11" s="1" t="s">
        <v>101</v>
      </c>
      <c r="U11" s="1">
        <v>7.7</v>
      </c>
      <c r="V11" s="1"/>
      <c r="W11" s="1"/>
      <c r="X11" s="1">
        <v>0.41</v>
      </c>
      <c r="Y11" s="1">
        <v>5.5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0</v>
      </c>
      <c r="BC11" s="1">
        <v>0.05</v>
      </c>
      <c r="BD11" s="1">
        <v>0.1</v>
      </c>
      <c r="BE11" s="1"/>
      <c r="BF11" s="1"/>
      <c r="BG11" s="1"/>
      <c r="BH11" s="1"/>
      <c r="BI11" s="1"/>
      <c r="BJ11" s="1"/>
      <c r="BK11" s="1"/>
      <c r="BL11" s="1"/>
      <c r="BM11" s="1">
        <v>7.0000000000000007E-2</v>
      </c>
      <c r="BN11" s="1">
        <v>1.2999999999999999E-2</v>
      </c>
      <c r="BO11" s="1"/>
      <c r="BP11" s="1"/>
      <c r="BQ11" s="1">
        <v>30.75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152777777777778</v>
      </c>
      <c r="C12" s="1" t="s">
        <v>553</v>
      </c>
      <c r="D12" s="1" t="s">
        <v>27</v>
      </c>
      <c r="E12" s="1" t="s">
        <v>477</v>
      </c>
      <c r="J12" s="1" t="s">
        <v>191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 t="s">
        <v>509</v>
      </c>
      <c r="AD12" s="1" t="s">
        <v>510</v>
      </c>
      <c r="AE12" s="1">
        <v>5.0000000000000001E-4</v>
      </c>
      <c r="AF12" s="1" t="s">
        <v>512</v>
      </c>
      <c r="AG12" s="1" t="s">
        <v>511</v>
      </c>
      <c r="AH12" s="1" t="s">
        <v>513</v>
      </c>
      <c r="AI12" s="1"/>
      <c r="AJ12" s="1" t="s">
        <v>513</v>
      </c>
      <c r="AK12" s="1" t="s">
        <v>514</v>
      </c>
      <c r="AL12" s="1" t="s">
        <v>514</v>
      </c>
      <c r="AM12" s="1" t="s">
        <v>514</v>
      </c>
      <c r="AN12" s="1" t="s">
        <v>514</v>
      </c>
      <c r="AO12" s="1" t="s">
        <v>514</v>
      </c>
      <c r="AP12" t="s">
        <v>514</v>
      </c>
      <c r="AQ12" s="1" t="s">
        <v>514</v>
      </c>
      <c r="AR12" s="1" t="s">
        <v>514</v>
      </c>
      <c r="AS12" s="1" t="s">
        <v>514</v>
      </c>
      <c r="AT12" s="1" t="s">
        <v>517</v>
      </c>
      <c r="AU12" s="1" t="s">
        <v>513</v>
      </c>
      <c r="AV12" s="1" t="s">
        <v>509</v>
      </c>
      <c r="AW12" s="1" t="s">
        <v>509</v>
      </c>
      <c r="AX12" s="1" t="s">
        <v>514</v>
      </c>
      <c r="AY12" s="1" t="s">
        <v>523</v>
      </c>
      <c r="AZ12" s="1"/>
      <c r="BA12" s="1"/>
      <c r="BB12" s="1"/>
      <c r="BC12" s="1"/>
      <c r="BD12" s="1"/>
      <c r="BE12" s="1" t="s">
        <v>511</v>
      </c>
      <c r="BF12" s="1" t="s">
        <v>511</v>
      </c>
      <c r="BG12" s="1">
        <v>1.5E-3</v>
      </c>
      <c r="BH12" s="1" t="s">
        <v>512</v>
      </c>
      <c r="BI12" s="1" t="s">
        <v>510</v>
      </c>
      <c r="BJ12" s="1"/>
      <c r="BK12" s="1" t="s">
        <v>513</v>
      </c>
      <c r="BL12" s="1" t="s">
        <v>518</v>
      </c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8</v>
      </c>
      <c r="B13" s="2">
        <v>0.48333333333333334</v>
      </c>
      <c r="C13" s="1" t="s">
        <v>476</v>
      </c>
      <c r="D13" s="1" t="s">
        <v>27</v>
      </c>
      <c r="E13" s="1" t="s">
        <v>70</v>
      </c>
      <c r="F13" s="1" t="s">
        <v>321</v>
      </c>
      <c r="G13" s="1" t="s">
        <v>59</v>
      </c>
      <c r="J13" s="1" t="s">
        <v>30</v>
      </c>
      <c r="K13" s="1" t="s">
        <v>91</v>
      </c>
      <c r="M13" s="1" t="s">
        <v>170</v>
      </c>
      <c r="N13" s="1" t="s">
        <v>33</v>
      </c>
      <c r="O13" s="1" t="s">
        <v>157</v>
      </c>
      <c r="P13" s="1" t="s">
        <v>35</v>
      </c>
      <c r="Q13" s="1" t="s">
        <v>55</v>
      </c>
      <c r="S13" s="1" t="s">
        <v>237</v>
      </c>
      <c r="U13" s="1">
        <v>10.1</v>
      </c>
      <c r="V13" s="3">
        <v>13</v>
      </c>
      <c r="W13" s="1" t="s">
        <v>508</v>
      </c>
      <c r="X13" s="1">
        <v>0.45</v>
      </c>
      <c r="Y13" s="1">
        <v>6.8000000000000005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0</v>
      </c>
      <c r="BC13" s="1" t="s">
        <v>512</v>
      </c>
      <c r="BD13" s="1" t="s">
        <v>522</v>
      </c>
      <c r="BE13" s="1"/>
      <c r="BF13" s="1"/>
      <c r="BG13" s="1"/>
      <c r="BH13" s="1"/>
      <c r="BI13" s="1"/>
      <c r="BJ13" s="1"/>
      <c r="BK13" s="1"/>
      <c r="BL13" s="1"/>
      <c r="BM13" s="1" t="s">
        <v>533</v>
      </c>
      <c r="BN13" s="1">
        <v>1E-3</v>
      </c>
      <c r="BO13" s="1"/>
      <c r="BP13" s="1"/>
      <c r="BQ13" s="1">
        <v>27.57</v>
      </c>
      <c r="BR13" s="1"/>
      <c r="BS13" s="1"/>
      <c r="BT13" s="1">
        <v>15</v>
      </c>
      <c r="BU13" s="1"/>
      <c r="BV13" s="1"/>
      <c r="BW13" s="1"/>
      <c r="BX13" s="1"/>
      <c r="BY13" s="1"/>
      <c r="BZ13" s="1"/>
    </row>
    <row r="14" spans="1:78" x14ac:dyDescent="0.15">
      <c r="B14" s="2">
        <v>0.48333333333333334</v>
      </c>
      <c r="C14" s="1" t="s">
        <v>478</v>
      </c>
      <c r="D14" s="1" t="s">
        <v>27</v>
      </c>
      <c r="E14" s="1" t="s">
        <v>70</v>
      </c>
      <c r="G14" s="1" t="s">
        <v>72</v>
      </c>
      <c r="J14" s="1" t="s">
        <v>301</v>
      </c>
      <c r="N14" s="1" t="s">
        <v>33</v>
      </c>
      <c r="P14" s="1" t="s">
        <v>35</v>
      </c>
      <c r="Q14" s="1" t="s">
        <v>63</v>
      </c>
      <c r="S14" s="1" t="s">
        <v>257</v>
      </c>
      <c r="U14" s="1">
        <v>8.5</v>
      </c>
      <c r="V14" s="1"/>
      <c r="W14" s="1"/>
      <c r="X14" s="1">
        <v>0.51</v>
      </c>
      <c r="Y14" s="1">
        <v>7.0999999999999994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0</v>
      </c>
      <c r="BC14" s="1" t="s">
        <v>512</v>
      </c>
      <c r="BD14" s="1" t="s">
        <v>522</v>
      </c>
      <c r="BE14" s="1"/>
      <c r="BF14" s="1"/>
      <c r="BG14" s="1"/>
      <c r="BH14" s="1"/>
      <c r="BI14" s="1"/>
      <c r="BJ14" s="1"/>
      <c r="BK14" s="1"/>
      <c r="BL14" s="1"/>
      <c r="BM14" s="1" t="s">
        <v>533</v>
      </c>
      <c r="BN14" s="1">
        <v>4.0000000000000001E-3</v>
      </c>
      <c r="BO14" s="1"/>
      <c r="BP14" s="1"/>
      <c r="BQ14" s="1">
        <v>28.91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8333333333333334</v>
      </c>
      <c r="C15" s="1" t="s">
        <v>553</v>
      </c>
      <c r="D15" s="1" t="s">
        <v>27</v>
      </c>
      <c r="E15" s="1" t="s">
        <v>70</v>
      </c>
      <c r="J15" s="1" t="s">
        <v>191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38750000000000001</v>
      </c>
      <c r="C16" s="1" t="s">
        <v>476</v>
      </c>
      <c r="D16" s="1" t="s">
        <v>43</v>
      </c>
      <c r="E16" s="1" t="s">
        <v>477</v>
      </c>
      <c r="F16" s="1" t="s">
        <v>220</v>
      </c>
      <c r="G16" s="1" t="s">
        <v>160</v>
      </c>
      <c r="J16" s="1" t="s">
        <v>30</v>
      </c>
      <c r="K16" s="1" t="s">
        <v>133</v>
      </c>
      <c r="M16" s="1" t="s">
        <v>322</v>
      </c>
      <c r="N16" s="1" t="s">
        <v>33</v>
      </c>
      <c r="O16" s="1" t="s">
        <v>157</v>
      </c>
      <c r="P16" s="1" t="s">
        <v>35</v>
      </c>
      <c r="Q16" s="1" t="s">
        <v>40</v>
      </c>
      <c r="S16" s="1" t="s">
        <v>131</v>
      </c>
      <c r="U16" s="1">
        <v>6.7</v>
      </c>
      <c r="V16" s="3">
        <v>130</v>
      </c>
      <c r="W16" s="1" t="s">
        <v>508</v>
      </c>
      <c r="X16" s="1">
        <v>0.45</v>
      </c>
      <c r="Y16" s="1">
        <v>7.0999999999999994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16</v>
      </c>
      <c r="BD16" s="1">
        <v>0.21</v>
      </c>
      <c r="BE16" s="1"/>
      <c r="BF16" s="1"/>
      <c r="BG16" s="1"/>
      <c r="BH16" s="1"/>
      <c r="BI16" s="1"/>
      <c r="BJ16" s="1"/>
      <c r="BK16" s="1"/>
      <c r="BL16" s="1"/>
      <c r="BM16" s="1">
        <v>0.08</v>
      </c>
      <c r="BN16" s="1">
        <v>5.5E-2</v>
      </c>
      <c r="BO16" s="1"/>
      <c r="BP16" s="1"/>
      <c r="BQ16" s="1">
        <v>28.89</v>
      </c>
      <c r="BR16" s="1"/>
      <c r="BS16" s="1"/>
      <c r="BT16" s="1">
        <v>2.4</v>
      </c>
      <c r="BU16" s="1"/>
      <c r="BV16" s="1"/>
      <c r="BW16" s="1"/>
      <c r="BX16" s="1"/>
      <c r="BY16" s="1"/>
      <c r="BZ16" s="1"/>
    </row>
    <row r="17" spans="1:78" x14ac:dyDescent="0.15">
      <c r="B17" s="2">
        <v>0.38750000000000001</v>
      </c>
      <c r="C17" s="1" t="s">
        <v>478</v>
      </c>
      <c r="D17" s="1" t="s">
        <v>43</v>
      </c>
      <c r="E17" s="1" t="s">
        <v>477</v>
      </c>
      <c r="G17" s="1" t="s">
        <v>313</v>
      </c>
      <c r="J17" s="1" t="s">
        <v>149</v>
      </c>
      <c r="N17" s="1" t="s">
        <v>33</v>
      </c>
      <c r="P17" s="1" t="s">
        <v>35</v>
      </c>
      <c r="Q17" s="1" t="s">
        <v>40</v>
      </c>
      <c r="S17" s="1" t="s">
        <v>91</v>
      </c>
      <c r="U17" s="1">
        <v>4.3</v>
      </c>
      <c r="V17" s="1"/>
      <c r="W17" s="1"/>
      <c r="X17" s="1">
        <v>0.4</v>
      </c>
      <c r="Y17" s="1">
        <v>6.8000000000000005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2</v>
      </c>
      <c r="BC17" s="1">
        <v>0.09</v>
      </c>
      <c r="BD17" s="1">
        <v>0.14000000000000001</v>
      </c>
      <c r="BE17" s="1"/>
      <c r="BF17" s="1"/>
      <c r="BG17" s="1"/>
      <c r="BH17" s="1"/>
      <c r="BI17" s="1"/>
      <c r="BJ17" s="1"/>
      <c r="BK17" s="1"/>
      <c r="BL17" s="1"/>
      <c r="BM17" s="1">
        <v>0.09</v>
      </c>
      <c r="BN17" s="1">
        <v>5.1999999999999998E-2</v>
      </c>
      <c r="BO17" s="1"/>
      <c r="BP17" s="1"/>
      <c r="BQ17" s="1">
        <v>31.39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8750000000000001</v>
      </c>
      <c r="C18" s="1" t="s">
        <v>553</v>
      </c>
      <c r="D18" s="1" t="s">
        <v>43</v>
      </c>
      <c r="E18" s="1" t="s">
        <v>477</v>
      </c>
      <c r="J18" s="1" t="s">
        <v>62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7</v>
      </c>
      <c r="B19" s="2">
        <v>0.39513888888888887</v>
      </c>
      <c r="C19" s="1" t="s">
        <v>476</v>
      </c>
      <c r="D19" s="1" t="s">
        <v>27</v>
      </c>
      <c r="E19" s="1" t="s">
        <v>70</v>
      </c>
      <c r="F19" s="1" t="s">
        <v>316</v>
      </c>
      <c r="G19" s="1" t="s">
        <v>323</v>
      </c>
      <c r="J19" s="1" t="s">
        <v>30</v>
      </c>
      <c r="K19" s="1" t="s">
        <v>133</v>
      </c>
      <c r="M19" s="1" t="s">
        <v>322</v>
      </c>
      <c r="N19" s="1" t="s">
        <v>33</v>
      </c>
      <c r="O19" s="1" t="s">
        <v>157</v>
      </c>
      <c r="P19" s="1" t="s">
        <v>35</v>
      </c>
      <c r="Q19" s="1" t="s">
        <v>40</v>
      </c>
      <c r="S19" s="1" t="s">
        <v>125</v>
      </c>
      <c r="U19" s="1">
        <v>7.3</v>
      </c>
      <c r="V19" s="3">
        <v>130</v>
      </c>
      <c r="W19" s="1" t="s">
        <v>508</v>
      </c>
      <c r="X19" s="1">
        <v>0.77</v>
      </c>
      <c r="Y19" s="1">
        <v>6.5000000000000002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45</v>
      </c>
      <c r="BD19" s="1">
        <v>0.5</v>
      </c>
      <c r="BE19" s="1"/>
      <c r="BF19" s="1"/>
      <c r="BG19" s="1"/>
      <c r="BH19" s="1"/>
      <c r="BI19" s="1"/>
      <c r="BJ19" s="1"/>
      <c r="BK19" s="1"/>
      <c r="BL19" s="1"/>
      <c r="BM19" s="1">
        <v>0.06</v>
      </c>
      <c r="BN19" s="1">
        <v>5.3999999999999999E-2</v>
      </c>
      <c r="BO19" s="1"/>
      <c r="BP19" s="1"/>
      <c r="BQ19" s="1">
        <v>24.76</v>
      </c>
      <c r="BR19" s="1"/>
      <c r="BS19" s="1"/>
      <c r="BT19" s="1">
        <v>3.8</v>
      </c>
      <c r="BU19" s="1"/>
      <c r="BV19" s="1"/>
      <c r="BW19" s="1"/>
      <c r="BX19" s="1"/>
      <c r="BY19" s="1"/>
      <c r="BZ19" s="1"/>
    </row>
    <row r="20" spans="1:78" x14ac:dyDescent="0.15">
      <c r="B20" s="2">
        <v>0.39513888888888887</v>
      </c>
      <c r="C20" s="1" t="s">
        <v>478</v>
      </c>
      <c r="D20" s="1" t="s">
        <v>27</v>
      </c>
      <c r="E20" s="1" t="s">
        <v>70</v>
      </c>
      <c r="G20" s="1" t="s">
        <v>324</v>
      </c>
      <c r="J20" s="1" t="s">
        <v>149</v>
      </c>
      <c r="N20" s="1" t="s">
        <v>33</v>
      </c>
      <c r="P20" s="1" t="s">
        <v>35</v>
      </c>
      <c r="Q20" s="1" t="s">
        <v>40</v>
      </c>
      <c r="S20" s="1" t="s">
        <v>41</v>
      </c>
      <c r="U20" s="1">
        <v>7.1</v>
      </c>
      <c r="V20" s="1"/>
      <c r="W20" s="1"/>
      <c r="X20" s="1">
        <v>0.71</v>
      </c>
      <c r="Y20" s="1">
        <v>6.7000000000000004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45</v>
      </c>
      <c r="BD20" s="1">
        <v>0.5</v>
      </c>
      <c r="BE20" s="1"/>
      <c r="BF20" s="1"/>
      <c r="BG20" s="1"/>
      <c r="BH20" s="1"/>
      <c r="BI20" s="1"/>
      <c r="BJ20" s="1"/>
      <c r="BK20" s="1"/>
      <c r="BL20" s="1"/>
      <c r="BM20" s="1" t="s">
        <v>533</v>
      </c>
      <c r="BN20" s="1">
        <v>5.3999999999999999E-2</v>
      </c>
      <c r="BO20" s="1"/>
      <c r="BP20" s="1"/>
      <c r="BQ20" s="1">
        <v>25.41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9513888888888887</v>
      </c>
      <c r="C21" s="1" t="s">
        <v>553</v>
      </c>
      <c r="D21" s="1" t="s">
        <v>27</v>
      </c>
      <c r="E21" s="1" t="s">
        <v>70</v>
      </c>
      <c r="J21" s="1" t="s">
        <v>62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7</v>
      </c>
      <c r="B22" s="2">
        <v>0.42638888888888887</v>
      </c>
      <c r="C22" s="1" t="s">
        <v>476</v>
      </c>
      <c r="D22" s="1" t="s">
        <v>43</v>
      </c>
      <c r="E22" s="1" t="s">
        <v>44</v>
      </c>
      <c r="F22" s="1" t="s">
        <v>134</v>
      </c>
      <c r="G22" s="1" t="s">
        <v>218</v>
      </c>
      <c r="J22" s="1" t="s">
        <v>30</v>
      </c>
      <c r="K22" s="1" t="s">
        <v>32</v>
      </c>
      <c r="M22" s="1" t="s">
        <v>325</v>
      </c>
      <c r="N22" s="1" t="s">
        <v>33</v>
      </c>
      <c r="O22" s="1" t="s">
        <v>157</v>
      </c>
      <c r="P22" s="1" t="s">
        <v>35</v>
      </c>
      <c r="Q22" s="1" t="s">
        <v>36</v>
      </c>
      <c r="S22" s="1" t="s">
        <v>126</v>
      </c>
      <c r="U22" s="1">
        <v>7.9</v>
      </c>
      <c r="V22" s="3">
        <v>790</v>
      </c>
      <c r="W22" s="1" t="s">
        <v>508</v>
      </c>
      <c r="X22" s="1">
        <v>0.51</v>
      </c>
      <c r="Y22" s="1">
        <v>5.6000000000000001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1</v>
      </c>
      <c r="BC22" s="1">
        <v>0.27</v>
      </c>
      <c r="BD22" s="1">
        <v>0.32</v>
      </c>
      <c r="BE22" s="1"/>
      <c r="BF22" s="1"/>
      <c r="BG22" s="1"/>
      <c r="BH22" s="1"/>
      <c r="BI22" s="1"/>
      <c r="BJ22" s="1"/>
      <c r="BK22" s="1"/>
      <c r="BL22" s="1"/>
      <c r="BM22" s="1" t="s">
        <v>533</v>
      </c>
      <c r="BN22" s="1">
        <v>3.3000000000000002E-2</v>
      </c>
      <c r="BO22" s="1"/>
      <c r="BP22" s="1"/>
      <c r="BQ22" s="1">
        <v>28.32</v>
      </c>
      <c r="BR22" s="1"/>
      <c r="BS22" s="1"/>
      <c r="BT22" s="1">
        <v>5.3</v>
      </c>
      <c r="BU22" s="1"/>
      <c r="BV22" s="1"/>
      <c r="BW22" s="1"/>
      <c r="BX22" s="1"/>
      <c r="BY22" s="1"/>
      <c r="BZ22" s="1"/>
    </row>
    <row r="23" spans="1:78" x14ac:dyDescent="0.15">
      <c r="B23" s="2">
        <v>0.42638888888888887</v>
      </c>
      <c r="C23" s="1" t="s">
        <v>478</v>
      </c>
      <c r="D23" s="1" t="s">
        <v>43</v>
      </c>
      <c r="E23" s="1" t="s">
        <v>44</v>
      </c>
      <c r="G23" s="1" t="s">
        <v>165</v>
      </c>
      <c r="J23" s="1" t="s">
        <v>114</v>
      </c>
      <c r="N23" s="1" t="s">
        <v>33</v>
      </c>
      <c r="P23" s="1" t="s">
        <v>35</v>
      </c>
      <c r="Q23" s="1" t="s">
        <v>36</v>
      </c>
      <c r="S23" s="1" t="s">
        <v>91</v>
      </c>
      <c r="U23" s="1">
        <v>7.7</v>
      </c>
      <c r="V23" s="1"/>
      <c r="W23" s="1"/>
      <c r="X23" s="1">
        <v>0.49</v>
      </c>
      <c r="Y23" s="1">
        <v>5.5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1</v>
      </c>
      <c r="BC23" s="1">
        <v>0.19</v>
      </c>
      <c r="BD23" s="1">
        <v>0.24</v>
      </c>
      <c r="BE23" s="1"/>
      <c r="BF23" s="1"/>
      <c r="BG23" s="1"/>
      <c r="BH23" s="1"/>
      <c r="BI23" s="1"/>
      <c r="BJ23" s="1"/>
      <c r="BK23" s="1"/>
      <c r="BL23" s="1"/>
      <c r="BM23" s="1" t="s">
        <v>533</v>
      </c>
      <c r="BN23" s="1">
        <v>3.3000000000000002E-2</v>
      </c>
      <c r="BO23" s="1"/>
      <c r="BP23" s="1"/>
      <c r="BQ23" s="1">
        <v>30.21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2638888888888887</v>
      </c>
      <c r="C24" s="1" t="s">
        <v>553</v>
      </c>
      <c r="D24" s="1" t="s">
        <v>43</v>
      </c>
      <c r="E24" s="1" t="s">
        <v>44</v>
      </c>
      <c r="J24" s="1" t="s">
        <v>225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234</v>
      </c>
      <c r="B25" s="2">
        <v>0.40138888888888885</v>
      </c>
      <c r="C25" s="1" t="s">
        <v>476</v>
      </c>
      <c r="D25" s="1" t="s">
        <v>43</v>
      </c>
      <c r="E25" s="1" t="s">
        <v>107</v>
      </c>
      <c r="F25" s="1" t="s">
        <v>31</v>
      </c>
      <c r="G25" s="1" t="s">
        <v>138</v>
      </c>
      <c r="J25" s="1" t="s">
        <v>30</v>
      </c>
      <c r="K25" s="1" t="s">
        <v>41</v>
      </c>
      <c r="M25" s="1" t="s">
        <v>326</v>
      </c>
      <c r="N25" s="1" t="s">
        <v>33</v>
      </c>
      <c r="O25" s="1" t="s">
        <v>208</v>
      </c>
      <c r="P25" s="1" t="s">
        <v>35</v>
      </c>
      <c r="Q25" s="1" t="s">
        <v>40</v>
      </c>
      <c r="S25" s="1" t="s">
        <v>104</v>
      </c>
      <c r="U25" s="1">
        <v>7</v>
      </c>
      <c r="V25" s="3">
        <v>33</v>
      </c>
      <c r="W25" s="1" t="s">
        <v>508</v>
      </c>
      <c r="X25" s="1">
        <v>0.51</v>
      </c>
      <c r="Y25" s="1">
        <v>4.5999999999999999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2</v>
      </c>
      <c r="BC25" s="1">
        <v>0.17</v>
      </c>
      <c r="BD25" s="1">
        <v>0.22</v>
      </c>
      <c r="BE25" s="1"/>
      <c r="BF25" s="1"/>
      <c r="BG25" s="1"/>
      <c r="BH25" s="1"/>
      <c r="BI25" s="1"/>
      <c r="BJ25" s="1"/>
      <c r="BK25" s="1"/>
      <c r="BL25" s="1"/>
      <c r="BM25" s="1">
        <v>0.11</v>
      </c>
      <c r="BN25" s="1">
        <v>3.5000000000000003E-2</v>
      </c>
      <c r="BO25" s="1"/>
      <c r="BP25" s="1"/>
      <c r="BQ25" s="1">
        <v>30.68</v>
      </c>
      <c r="BR25" s="1"/>
      <c r="BS25" s="1"/>
      <c r="BT25" s="1">
        <v>1.1000000000000001</v>
      </c>
      <c r="BU25" s="1"/>
      <c r="BV25" s="1"/>
      <c r="BW25" s="1"/>
      <c r="BX25" s="1"/>
      <c r="BY25" s="1"/>
      <c r="BZ25" s="1"/>
    </row>
    <row r="26" spans="1:78" x14ac:dyDescent="0.15">
      <c r="B26" s="2">
        <v>0.40138888888888885</v>
      </c>
      <c r="C26" s="1" t="s">
        <v>478</v>
      </c>
      <c r="D26" s="1" t="s">
        <v>43</v>
      </c>
      <c r="E26" s="1" t="s">
        <v>107</v>
      </c>
      <c r="G26" s="1" t="s">
        <v>138</v>
      </c>
      <c r="J26" s="1" t="s">
        <v>201</v>
      </c>
      <c r="N26" s="1" t="s">
        <v>33</v>
      </c>
      <c r="P26" s="1" t="s">
        <v>35</v>
      </c>
      <c r="Q26" s="1" t="s">
        <v>40</v>
      </c>
      <c r="S26" s="1" t="s">
        <v>170</v>
      </c>
      <c r="U26" s="1">
        <v>7.2</v>
      </c>
      <c r="V26" s="1"/>
      <c r="W26" s="1"/>
      <c r="X26" s="1">
        <v>0.5</v>
      </c>
      <c r="Y26" s="1">
        <v>4.2999999999999997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16</v>
      </c>
      <c r="BD26" s="1">
        <v>0.21</v>
      </c>
      <c r="BE26" s="1"/>
      <c r="BF26" s="1"/>
      <c r="BG26" s="1"/>
      <c r="BH26" s="1"/>
      <c r="BI26" s="1"/>
      <c r="BJ26" s="1"/>
      <c r="BK26" s="1"/>
      <c r="BL26" s="1"/>
      <c r="BM26" s="1">
        <v>0.11</v>
      </c>
      <c r="BN26" s="1">
        <v>3.2000000000000001E-2</v>
      </c>
      <c r="BO26" s="1"/>
      <c r="BP26" s="1"/>
      <c r="BQ26" s="1">
        <v>31.14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0138888888888885</v>
      </c>
      <c r="C27" s="1" t="s">
        <v>553</v>
      </c>
      <c r="D27" s="1" t="s">
        <v>43</v>
      </c>
      <c r="E27" s="1" t="s">
        <v>107</v>
      </c>
      <c r="J27" s="1" t="s">
        <v>311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36</v>
      </c>
      <c r="B28" s="2">
        <v>0.39999999999999997</v>
      </c>
      <c r="C28" s="1" t="s">
        <v>476</v>
      </c>
      <c r="D28" s="1" t="s">
        <v>27</v>
      </c>
      <c r="E28" s="1" t="s">
        <v>70</v>
      </c>
      <c r="F28" s="1" t="s">
        <v>93</v>
      </c>
      <c r="G28" s="1" t="s">
        <v>327</v>
      </c>
      <c r="J28" s="1" t="s">
        <v>30</v>
      </c>
      <c r="K28" s="1" t="s">
        <v>137</v>
      </c>
      <c r="M28" s="1" t="s">
        <v>328</v>
      </c>
      <c r="N28" s="1" t="s">
        <v>33</v>
      </c>
      <c r="O28" s="1" t="s">
        <v>208</v>
      </c>
      <c r="P28" s="1" t="s">
        <v>35</v>
      </c>
      <c r="Q28" s="1" t="s">
        <v>36</v>
      </c>
      <c r="S28" s="1" t="s">
        <v>104</v>
      </c>
      <c r="U28" s="1">
        <v>10.199999999999999</v>
      </c>
      <c r="V28" s="1" t="s">
        <v>515</v>
      </c>
      <c r="W28" s="1" t="s">
        <v>508</v>
      </c>
      <c r="X28" s="1">
        <v>0.43</v>
      </c>
      <c r="Y28" s="1">
        <v>3.9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2</v>
      </c>
      <c r="BC28" s="1">
        <v>0.23</v>
      </c>
      <c r="BD28" s="1">
        <v>0.28000000000000003</v>
      </c>
      <c r="BF28" s="1"/>
      <c r="BG28" s="1"/>
      <c r="BH28" s="1"/>
      <c r="BI28" s="1"/>
      <c r="BJ28" s="1"/>
      <c r="BK28" s="1"/>
      <c r="BL28" s="1"/>
      <c r="BM28" s="1" t="s">
        <v>533</v>
      </c>
      <c r="BN28" s="1">
        <v>2.1999999999999999E-2</v>
      </c>
      <c r="BO28" s="1"/>
      <c r="BP28" s="1"/>
      <c r="BQ28" s="1">
        <v>31.66</v>
      </c>
      <c r="BR28" s="1" t="s">
        <v>531</v>
      </c>
      <c r="BS28" s="1"/>
      <c r="BT28" s="1">
        <v>2.2000000000000002</v>
      </c>
      <c r="BU28" s="1"/>
      <c r="BV28" s="1"/>
      <c r="BW28" s="1"/>
      <c r="BX28" s="1"/>
      <c r="BY28" s="1"/>
      <c r="BZ28" s="1"/>
    </row>
    <row r="29" spans="1:78" x14ac:dyDescent="0.15">
      <c r="B29" s="2">
        <v>0.39999999999999997</v>
      </c>
      <c r="C29" s="1" t="s">
        <v>478</v>
      </c>
      <c r="D29" s="1" t="s">
        <v>27</v>
      </c>
      <c r="E29" s="1" t="s">
        <v>70</v>
      </c>
      <c r="G29" s="1" t="s">
        <v>255</v>
      </c>
      <c r="J29" s="1" t="s">
        <v>170</v>
      </c>
      <c r="N29" s="1" t="s">
        <v>33</v>
      </c>
      <c r="P29" s="1" t="s">
        <v>35</v>
      </c>
      <c r="Q29" s="1" t="s">
        <v>36</v>
      </c>
      <c r="S29" s="1" t="s">
        <v>149</v>
      </c>
      <c r="U29" s="1">
        <v>9.9</v>
      </c>
      <c r="V29" s="1"/>
      <c r="W29" s="1"/>
      <c r="X29" s="1">
        <v>0.42</v>
      </c>
      <c r="Y29" s="1">
        <v>3.9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2</v>
      </c>
      <c r="BC29" s="1">
        <v>0.23</v>
      </c>
      <c r="BD29" s="1">
        <v>0.28000000000000003</v>
      </c>
      <c r="BF29" s="1"/>
      <c r="BG29" s="1"/>
      <c r="BH29" s="1"/>
      <c r="BI29" s="1"/>
      <c r="BJ29" s="1"/>
      <c r="BK29" s="1"/>
      <c r="BL29" s="1"/>
      <c r="BM29" s="1" t="s">
        <v>533</v>
      </c>
      <c r="BN29" s="1">
        <v>3.2000000000000001E-2</v>
      </c>
      <c r="BO29" s="1"/>
      <c r="BP29" s="1"/>
      <c r="BQ29" s="1">
        <v>31.78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9999999999999997</v>
      </c>
      <c r="C30" s="1" t="s">
        <v>553</v>
      </c>
      <c r="D30" s="1" t="s">
        <v>27</v>
      </c>
      <c r="E30" s="1" t="s">
        <v>70</v>
      </c>
      <c r="J30" s="1" t="s">
        <v>62</v>
      </c>
      <c r="N30" s="1" t="s">
        <v>33</v>
      </c>
      <c r="U30" s="1"/>
      <c r="V30" s="1"/>
      <c r="W30" s="1"/>
      <c r="X30" s="1"/>
      <c r="Y30" s="1"/>
      <c r="Z30" s="1"/>
      <c r="AC30" s="1" t="s">
        <v>509</v>
      </c>
      <c r="AD30" s="1" t="s">
        <v>510</v>
      </c>
      <c r="AE30" s="1" t="s">
        <v>513</v>
      </c>
      <c r="AF30" s="1" t="s">
        <v>512</v>
      </c>
      <c r="AG30" s="1" t="s">
        <v>511</v>
      </c>
      <c r="AH30" s="1" t="s">
        <v>513</v>
      </c>
      <c r="AI30" s="1"/>
      <c r="AJ30" s="1"/>
      <c r="AK30" s="1" t="s">
        <v>514</v>
      </c>
      <c r="AL30" s="1" t="s">
        <v>514</v>
      </c>
      <c r="AM30" s="1" t="s">
        <v>514</v>
      </c>
      <c r="AN30" s="1" t="s">
        <v>514</v>
      </c>
      <c r="AO30" s="1" t="s">
        <v>514</v>
      </c>
      <c r="AP30" t="s">
        <v>514</v>
      </c>
      <c r="AQ30" s="1" t="s">
        <v>514</v>
      </c>
      <c r="AR30" s="1" t="s">
        <v>514</v>
      </c>
      <c r="AS30" s="1" t="s">
        <v>514</v>
      </c>
      <c r="AT30" s="1" t="s">
        <v>517</v>
      </c>
      <c r="AU30" s="1" t="s">
        <v>513</v>
      </c>
      <c r="AV30" s="1" t="s">
        <v>509</v>
      </c>
      <c r="AW30" s="1" t="s">
        <v>509</v>
      </c>
      <c r="AX30" s="1" t="s">
        <v>514</v>
      </c>
      <c r="AY30" s="1" t="s">
        <v>523</v>
      </c>
      <c r="AZ30" s="1"/>
      <c r="BA30" s="1"/>
      <c r="BB30" s="1"/>
      <c r="BC30" s="1"/>
      <c r="BD30" s="1"/>
      <c r="BE30" t="s">
        <v>511</v>
      </c>
      <c r="BF30" s="1" t="s">
        <v>511</v>
      </c>
      <c r="BG30" s="1">
        <v>1.6000000000000001E-3</v>
      </c>
      <c r="BH30" s="1" t="s">
        <v>512</v>
      </c>
      <c r="BI30" s="1" t="s">
        <v>510</v>
      </c>
      <c r="BJ30" s="1"/>
      <c r="BK30" s="1" t="s">
        <v>513</v>
      </c>
      <c r="BL30" s="1" t="s">
        <v>518</v>
      </c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2</v>
      </c>
      <c r="B31" s="2">
        <v>0.39166666666666666</v>
      </c>
      <c r="C31" s="1" t="s">
        <v>476</v>
      </c>
      <c r="D31" s="1" t="s">
        <v>51</v>
      </c>
      <c r="E31" s="1" t="s">
        <v>477</v>
      </c>
      <c r="F31" s="1" t="s">
        <v>186</v>
      </c>
      <c r="G31" s="1" t="s">
        <v>256</v>
      </c>
      <c r="J31" s="1" t="s">
        <v>30</v>
      </c>
      <c r="K31" s="1" t="s">
        <v>125</v>
      </c>
      <c r="M31" s="1" t="s">
        <v>329</v>
      </c>
      <c r="N31" s="1" t="s">
        <v>33</v>
      </c>
      <c r="O31" s="1" t="s">
        <v>208</v>
      </c>
      <c r="P31" s="1" t="s">
        <v>35</v>
      </c>
      <c r="Q31" s="1" t="s">
        <v>36</v>
      </c>
      <c r="S31" s="1" t="s">
        <v>104</v>
      </c>
      <c r="U31" s="1">
        <v>9.1999999999999993</v>
      </c>
      <c r="V31" s="3">
        <v>5</v>
      </c>
      <c r="W31" s="1" t="s">
        <v>508</v>
      </c>
      <c r="X31" s="1">
        <v>0.41</v>
      </c>
      <c r="Y31" s="1">
        <v>2.1999999999999999E-2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0.22</v>
      </c>
      <c r="BD31" s="1">
        <v>0.27</v>
      </c>
      <c r="BF31" s="1"/>
      <c r="BG31" s="1"/>
      <c r="BH31" s="1"/>
      <c r="BI31" s="1"/>
      <c r="BJ31" s="1"/>
      <c r="BK31" s="1"/>
      <c r="BL31" s="1"/>
      <c r="BM31" s="1" t="s">
        <v>533</v>
      </c>
      <c r="BN31" s="1">
        <v>0.01</v>
      </c>
      <c r="BO31" s="1"/>
      <c r="BP31" s="1"/>
      <c r="BQ31" s="1">
        <v>32</v>
      </c>
      <c r="BR31" s="1"/>
      <c r="BS31" s="1"/>
      <c r="BT31" s="1">
        <v>2.6</v>
      </c>
      <c r="BU31" s="1"/>
      <c r="BV31" s="1"/>
      <c r="BW31" s="1"/>
      <c r="BX31" s="1"/>
      <c r="BY31" s="1"/>
      <c r="BZ31" s="1"/>
    </row>
    <row r="32" spans="1:78" x14ac:dyDescent="0.15">
      <c r="B32" s="2">
        <v>0.39166666666666666</v>
      </c>
      <c r="C32" s="1" t="s">
        <v>478</v>
      </c>
      <c r="D32" s="1" t="s">
        <v>51</v>
      </c>
      <c r="E32" s="1" t="s">
        <v>477</v>
      </c>
      <c r="G32" s="1" t="s">
        <v>253</v>
      </c>
      <c r="J32" s="1" t="s">
        <v>54</v>
      </c>
      <c r="N32" s="1" t="s">
        <v>33</v>
      </c>
      <c r="P32" s="1" t="s">
        <v>35</v>
      </c>
      <c r="Q32" s="1" t="s">
        <v>36</v>
      </c>
      <c r="S32" s="1" t="s">
        <v>170</v>
      </c>
      <c r="U32" s="1">
        <v>9.1999999999999993</v>
      </c>
      <c r="V32" s="1"/>
      <c r="W32" s="1"/>
      <c r="X32" s="1">
        <v>0.4</v>
      </c>
      <c r="Y32" s="1">
        <v>2.7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21</v>
      </c>
      <c r="BD32" s="1">
        <v>0.26</v>
      </c>
      <c r="BF32" s="1"/>
      <c r="BG32" s="1"/>
      <c r="BH32" s="1"/>
      <c r="BI32" s="1"/>
      <c r="BJ32" s="1"/>
      <c r="BK32" s="1"/>
      <c r="BL32" s="1"/>
      <c r="BM32" s="1" t="s">
        <v>533</v>
      </c>
      <c r="BN32" s="1">
        <v>1.0999999999999999E-2</v>
      </c>
      <c r="BO32" s="1"/>
      <c r="BP32" s="1"/>
      <c r="BQ32" s="1">
        <v>32.07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9166666666666666</v>
      </c>
      <c r="C33" s="1" t="s">
        <v>553</v>
      </c>
      <c r="D33" s="1" t="s">
        <v>51</v>
      </c>
      <c r="E33" s="1" t="s">
        <v>477</v>
      </c>
      <c r="J33" s="1" t="s">
        <v>311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28</v>
      </c>
      <c r="B34" s="2">
        <v>0.39861111111111108</v>
      </c>
      <c r="C34" s="1" t="s">
        <v>476</v>
      </c>
      <c r="D34" s="1" t="s">
        <v>43</v>
      </c>
      <c r="E34" s="1" t="s">
        <v>477</v>
      </c>
      <c r="F34" s="1" t="s">
        <v>173</v>
      </c>
      <c r="G34" s="1" t="s">
        <v>213</v>
      </c>
      <c r="J34" s="1" t="s">
        <v>30</v>
      </c>
      <c r="K34" s="1" t="s">
        <v>91</v>
      </c>
      <c r="M34" s="1" t="s">
        <v>330</v>
      </c>
      <c r="N34" s="1" t="s">
        <v>33</v>
      </c>
      <c r="O34" s="1" t="s">
        <v>208</v>
      </c>
      <c r="P34" s="1" t="s">
        <v>35</v>
      </c>
      <c r="Q34" s="1" t="s">
        <v>84</v>
      </c>
      <c r="S34" s="1" t="s">
        <v>126</v>
      </c>
      <c r="U34" s="1">
        <v>10.1</v>
      </c>
      <c r="V34" s="3">
        <v>230</v>
      </c>
      <c r="W34" s="1" t="s">
        <v>508</v>
      </c>
      <c r="X34" s="1">
        <v>0.56000000000000005</v>
      </c>
      <c r="Y34" s="1">
        <v>2.9000000000000001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0.33</v>
      </c>
      <c r="BD34" s="1">
        <v>0.38</v>
      </c>
      <c r="BF34" s="1"/>
      <c r="BG34" s="1"/>
      <c r="BH34" s="1"/>
      <c r="BI34" s="1"/>
      <c r="BJ34" s="1"/>
      <c r="BK34" s="1"/>
      <c r="BL34" s="1"/>
      <c r="BM34" s="1" t="s">
        <v>533</v>
      </c>
      <c r="BN34" s="1">
        <v>8.0000000000000002E-3</v>
      </c>
      <c r="BO34" s="1"/>
      <c r="BP34" s="1"/>
      <c r="BQ34" s="1">
        <v>28.29</v>
      </c>
      <c r="BR34" s="1"/>
      <c r="BS34" s="1"/>
      <c r="BT34" s="1">
        <v>3.8</v>
      </c>
      <c r="BU34" s="1"/>
      <c r="BV34" s="1"/>
      <c r="BW34" s="1"/>
      <c r="BX34" s="1"/>
      <c r="BY34" s="1"/>
      <c r="BZ34" s="1"/>
    </row>
    <row r="35" spans="1:78" x14ac:dyDescent="0.15">
      <c r="B35" s="2">
        <v>0.39861111111111108</v>
      </c>
      <c r="C35" s="1" t="s">
        <v>478</v>
      </c>
      <c r="D35" s="1" t="s">
        <v>43</v>
      </c>
      <c r="E35" s="1" t="s">
        <v>477</v>
      </c>
      <c r="G35" s="1" t="s">
        <v>266</v>
      </c>
      <c r="J35" s="1" t="s">
        <v>301</v>
      </c>
      <c r="N35" s="1" t="s">
        <v>33</v>
      </c>
      <c r="P35" s="1" t="s">
        <v>35</v>
      </c>
      <c r="Q35" s="1" t="s">
        <v>84</v>
      </c>
      <c r="S35" s="1" t="s">
        <v>111</v>
      </c>
      <c r="U35" s="1">
        <v>9.6999999999999993</v>
      </c>
      <c r="V35" s="1"/>
      <c r="W35" s="1"/>
      <c r="X35" s="1">
        <v>0.54</v>
      </c>
      <c r="Y35" s="1">
        <v>2.7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32</v>
      </c>
      <c r="BD35" s="1">
        <v>0.37</v>
      </c>
      <c r="BF35" s="1"/>
      <c r="BG35" s="1"/>
      <c r="BH35" s="1"/>
      <c r="BI35" s="1"/>
      <c r="BJ35" s="1"/>
      <c r="BK35" s="1"/>
      <c r="BL35" s="1"/>
      <c r="BM35" s="1">
        <v>0.04</v>
      </c>
      <c r="BN35" s="1">
        <v>1.2E-2</v>
      </c>
      <c r="BO35" s="1"/>
      <c r="BP35" s="1"/>
      <c r="BQ35" s="1">
        <v>28.3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9861111111111108</v>
      </c>
      <c r="C36" s="1" t="s">
        <v>553</v>
      </c>
      <c r="D36" s="1" t="s">
        <v>43</v>
      </c>
      <c r="E36" s="1" t="s">
        <v>477</v>
      </c>
      <c r="J36" s="1" t="s">
        <v>191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  <row r="1296" spans="21:21" x14ac:dyDescent="0.15">
      <c r="U1296" s="1"/>
    </row>
    <row r="1297" spans="21:21" x14ac:dyDescent="0.15">
      <c r="U1297" s="1"/>
    </row>
    <row r="1298" spans="21:21" x14ac:dyDescent="0.15">
      <c r="U1298" s="1"/>
    </row>
    <row r="1299" spans="21:21" x14ac:dyDescent="0.15">
      <c r="U1299" s="1"/>
    </row>
    <row r="1300" spans="21:21" x14ac:dyDescent="0.15">
      <c r="U1300" s="1"/>
    </row>
    <row r="1301" spans="21:21" x14ac:dyDescent="0.15">
      <c r="U1301" s="1"/>
    </row>
    <row r="1302" spans="21:21" x14ac:dyDescent="0.15">
      <c r="U1302" s="1"/>
    </row>
    <row r="1303" spans="21:21" x14ac:dyDescent="0.15">
      <c r="U1303" s="1"/>
    </row>
    <row r="1304" spans="21:21" x14ac:dyDescent="0.15">
      <c r="U1304" s="1"/>
    </row>
    <row r="1305" spans="21:21" x14ac:dyDescent="0.15">
      <c r="U1305" s="1"/>
    </row>
    <row r="1306" spans="21:21" x14ac:dyDescent="0.15">
      <c r="U1306" s="1"/>
    </row>
    <row r="1307" spans="21:21" x14ac:dyDescent="0.15">
      <c r="U1307" s="1"/>
    </row>
    <row r="1308" spans="21:21" x14ac:dyDescent="0.15">
      <c r="U1308" s="1"/>
    </row>
    <row r="1309" spans="21:21" x14ac:dyDescent="0.15">
      <c r="U1309" s="1"/>
    </row>
    <row r="1310" spans="21:21" x14ac:dyDescent="0.15">
      <c r="U1310" s="1"/>
    </row>
    <row r="1311" spans="21:21" x14ac:dyDescent="0.15">
      <c r="U1311" s="1"/>
    </row>
    <row r="1316" spans="21:21" x14ac:dyDescent="0.15">
      <c r="U1316" s="1"/>
    </row>
    <row r="1317" spans="21:21" x14ac:dyDescent="0.15">
      <c r="U1317" s="1"/>
    </row>
    <row r="1318" spans="21:21" x14ac:dyDescent="0.15">
      <c r="U1318" s="1"/>
    </row>
    <row r="1319" spans="21:21" x14ac:dyDescent="0.15">
      <c r="U1319" s="1"/>
    </row>
    <row r="1320" spans="21:21" x14ac:dyDescent="0.15">
      <c r="U1320" s="1"/>
    </row>
    <row r="1321" spans="21:21" x14ac:dyDescent="0.15">
      <c r="U1321" s="1"/>
    </row>
    <row r="1322" spans="21:21" x14ac:dyDescent="0.15">
      <c r="U1322" s="1"/>
    </row>
    <row r="1323" spans="21:21" x14ac:dyDescent="0.15">
      <c r="U1323" s="1"/>
    </row>
    <row r="1324" spans="21:21" x14ac:dyDescent="0.15">
      <c r="U1324" s="1"/>
    </row>
    <row r="1325" spans="21:21" x14ac:dyDescent="0.15">
      <c r="U1325" s="1"/>
    </row>
    <row r="1326" spans="21:21" x14ac:dyDescent="0.15">
      <c r="U1326" s="1"/>
    </row>
    <row r="1327" spans="21:21" x14ac:dyDescent="0.15">
      <c r="U1327" s="1"/>
    </row>
    <row r="1328" spans="21:21" x14ac:dyDescent="0.15">
      <c r="U1328" s="1"/>
    </row>
    <row r="1329" spans="21:21" x14ac:dyDescent="0.15">
      <c r="U1329" s="1"/>
    </row>
    <row r="1330" spans="21:21" x14ac:dyDescent="0.15">
      <c r="U1330" s="1"/>
    </row>
    <row r="1331" spans="21:21" x14ac:dyDescent="0.15">
      <c r="U1331" s="1"/>
    </row>
    <row r="1332" spans="21:21" x14ac:dyDescent="0.15">
      <c r="U1332" s="1"/>
    </row>
    <row r="1333" spans="21:21" x14ac:dyDescent="0.15">
      <c r="U1333" s="1"/>
    </row>
    <row r="1334" spans="21:21" x14ac:dyDescent="0.15">
      <c r="U1334" s="1"/>
    </row>
    <row r="1335" spans="21:21" x14ac:dyDescent="0.15">
      <c r="U1335" s="1"/>
    </row>
    <row r="1336" spans="21:21" x14ac:dyDescent="0.15">
      <c r="U1336" s="1"/>
    </row>
    <row r="1337" spans="21:21" x14ac:dyDescent="0.15">
      <c r="U1337" s="1"/>
    </row>
    <row r="1338" spans="21:21" x14ac:dyDescent="0.15">
      <c r="U1338" s="1"/>
    </row>
    <row r="1339" spans="21:21" x14ac:dyDescent="0.15">
      <c r="U1339" s="1"/>
    </row>
    <row r="1340" spans="21:21" x14ac:dyDescent="0.15">
      <c r="U1340" s="1"/>
    </row>
    <row r="1341" spans="21:21" x14ac:dyDescent="0.15">
      <c r="U1341" s="1"/>
    </row>
    <row r="1342" spans="21:21" x14ac:dyDescent="0.15">
      <c r="U1342" s="1"/>
    </row>
    <row r="1343" spans="21:21" x14ac:dyDescent="0.15">
      <c r="U1343" s="1"/>
    </row>
    <row r="1344" spans="21:21" x14ac:dyDescent="0.15">
      <c r="U1344" s="1"/>
    </row>
    <row r="1345" spans="21:21" x14ac:dyDescent="0.15">
      <c r="U1345" s="1"/>
    </row>
    <row r="1346" spans="21:21" x14ac:dyDescent="0.15">
      <c r="U1346" s="1"/>
    </row>
    <row r="1347" spans="21:21" x14ac:dyDescent="0.15">
      <c r="U1347" s="1"/>
    </row>
    <row r="1348" spans="21:21" x14ac:dyDescent="0.15">
      <c r="U1348" s="1"/>
    </row>
    <row r="1349" spans="21:21" x14ac:dyDescent="0.15">
      <c r="U1349" s="1"/>
    </row>
    <row r="1354" spans="21:21" x14ac:dyDescent="0.15">
      <c r="U1354" s="1"/>
    </row>
    <row r="1355" spans="21:21" x14ac:dyDescent="0.15">
      <c r="U1355" s="1"/>
    </row>
    <row r="1356" spans="21:21" x14ac:dyDescent="0.15">
      <c r="U1356" s="1"/>
    </row>
    <row r="1357" spans="21:21" x14ac:dyDescent="0.15">
      <c r="U1357" s="1"/>
    </row>
    <row r="1358" spans="21:21" x14ac:dyDescent="0.15">
      <c r="U1358" s="1"/>
    </row>
    <row r="1359" spans="21:21" x14ac:dyDescent="0.15">
      <c r="U1359" s="1"/>
    </row>
    <row r="1360" spans="21:21" x14ac:dyDescent="0.15">
      <c r="U1360" s="1"/>
    </row>
    <row r="1361" spans="21:21" x14ac:dyDescent="0.15">
      <c r="U1361" s="1"/>
    </row>
    <row r="1362" spans="21:21" x14ac:dyDescent="0.15">
      <c r="U1362" s="1"/>
    </row>
    <row r="1363" spans="21:21" x14ac:dyDescent="0.15">
      <c r="U1363" s="1"/>
    </row>
    <row r="1364" spans="21:21" x14ac:dyDescent="0.15">
      <c r="U1364" s="1"/>
    </row>
    <row r="1365" spans="21:21" x14ac:dyDescent="0.15">
      <c r="U1365" s="1"/>
    </row>
    <row r="1366" spans="21:21" x14ac:dyDescent="0.15">
      <c r="U1366" s="1"/>
    </row>
    <row r="1367" spans="21:21" x14ac:dyDescent="0.15">
      <c r="U1367" s="1"/>
    </row>
    <row r="1368" spans="21:21" x14ac:dyDescent="0.15">
      <c r="U1368" s="1"/>
    </row>
    <row r="1369" spans="21:21" x14ac:dyDescent="0.15">
      <c r="U1369" s="1"/>
    </row>
    <row r="1370" spans="21:21" x14ac:dyDescent="0.15">
      <c r="U1370" s="1"/>
    </row>
    <row r="1371" spans="21:21" x14ac:dyDescent="0.15">
      <c r="U1371" s="1"/>
    </row>
    <row r="1372" spans="21:21" x14ac:dyDescent="0.15">
      <c r="U1372" s="1"/>
    </row>
    <row r="1373" spans="21:21" x14ac:dyDescent="0.15">
      <c r="U1373" s="1"/>
    </row>
    <row r="1374" spans="21:21" x14ac:dyDescent="0.15">
      <c r="U1374" s="1"/>
    </row>
    <row r="1375" spans="21:21" x14ac:dyDescent="0.15">
      <c r="U1375" s="1"/>
    </row>
    <row r="1376" spans="21:21" x14ac:dyDescent="0.15">
      <c r="U1376" s="1"/>
    </row>
    <row r="1377" spans="21:21" x14ac:dyDescent="0.15">
      <c r="U1377" s="1"/>
    </row>
    <row r="1378" spans="21:21" x14ac:dyDescent="0.15">
      <c r="U1378" s="1"/>
    </row>
    <row r="1379" spans="21:21" x14ac:dyDescent="0.15">
      <c r="U1379" s="1"/>
    </row>
    <row r="1380" spans="21:21" x14ac:dyDescent="0.15">
      <c r="U1380" s="1"/>
    </row>
    <row r="1381" spans="21:21" x14ac:dyDescent="0.15">
      <c r="U1381" s="1"/>
    </row>
    <row r="1382" spans="21:21" x14ac:dyDescent="0.15">
      <c r="U1382" s="1"/>
    </row>
    <row r="1383" spans="21:21" x14ac:dyDescent="0.15">
      <c r="U1383" s="1"/>
    </row>
    <row r="1384" spans="21:21" x14ac:dyDescent="0.15">
      <c r="U1384" s="1"/>
    </row>
    <row r="1385" spans="21:21" x14ac:dyDescent="0.15">
      <c r="U1385" s="1"/>
    </row>
    <row r="1386" spans="21:21" x14ac:dyDescent="0.15">
      <c r="U1386" s="1"/>
    </row>
    <row r="1387" spans="21:21" x14ac:dyDescent="0.15">
      <c r="U1387" s="1"/>
    </row>
    <row r="1392" spans="21:21" x14ac:dyDescent="0.15">
      <c r="U1392" s="1"/>
    </row>
    <row r="1393" spans="21:21" x14ac:dyDescent="0.15">
      <c r="U1393" s="1"/>
    </row>
    <row r="1394" spans="21:21" x14ac:dyDescent="0.15">
      <c r="U1394" s="1"/>
    </row>
    <row r="1395" spans="21:21" x14ac:dyDescent="0.15">
      <c r="U1395" s="1"/>
    </row>
    <row r="1396" spans="21:21" x14ac:dyDescent="0.15">
      <c r="U1396" s="1"/>
    </row>
    <row r="1397" spans="21:21" x14ac:dyDescent="0.15">
      <c r="U1397" s="1"/>
    </row>
    <row r="1398" spans="21:21" x14ac:dyDescent="0.15">
      <c r="U1398" s="1"/>
    </row>
    <row r="1399" spans="21:21" x14ac:dyDescent="0.15">
      <c r="U1399" s="1"/>
    </row>
    <row r="1400" spans="21:21" x14ac:dyDescent="0.15">
      <c r="U1400" s="1"/>
    </row>
    <row r="1401" spans="21:21" x14ac:dyDescent="0.15">
      <c r="U1401" s="1"/>
    </row>
    <row r="1402" spans="21:21" x14ac:dyDescent="0.15">
      <c r="U1402" s="1"/>
    </row>
    <row r="1403" spans="21:21" x14ac:dyDescent="0.15">
      <c r="U1403" s="1"/>
    </row>
    <row r="1404" spans="21:21" x14ac:dyDescent="0.15">
      <c r="U1404" s="1"/>
    </row>
    <row r="1405" spans="21:21" x14ac:dyDescent="0.15">
      <c r="U1405" s="1"/>
    </row>
    <row r="1406" spans="21:21" x14ac:dyDescent="0.15">
      <c r="U1406" s="1"/>
    </row>
    <row r="1407" spans="21:21" x14ac:dyDescent="0.15">
      <c r="U1407" s="1"/>
    </row>
    <row r="1408" spans="21:21" x14ac:dyDescent="0.15">
      <c r="U1408" s="1"/>
    </row>
    <row r="1409" spans="21:21" x14ac:dyDescent="0.15">
      <c r="U1409" s="1"/>
    </row>
    <row r="1410" spans="21:21" x14ac:dyDescent="0.15">
      <c r="U1410" s="1"/>
    </row>
    <row r="1411" spans="21:21" x14ac:dyDescent="0.15">
      <c r="U1411" s="1"/>
    </row>
    <row r="1412" spans="21:21" x14ac:dyDescent="0.15">
      <c r="U1412" s="1"/>
    </row>
    <row r="1413" spans="21:21" x14ac:dyDescent="0.15">
      <c r="U1413" s="1"/>
    </row>
    <row r="1414" spans="21:21" x14ac:dyDescent="0.15">
      <c r="U1414" s="1"/>
    </row>
    <row r="1415" spans="21:21" x14ac:dyDescent="0.15">
      <c r="U1415" s="1"/>
    </row>
    <row r="1416" spans="21:21" x14ac:dyDescent="0.15">
      <c r="U1416" s="1"/>
    </row>
    <row r="1417" spans="21:21" x14ac:dyDescent="0.15">
      <c r="U1417" s="1"/>
    </row>
    <row r="1418" spans="21:21" x14ac:dyDescent="0.15">
      <c r="U1418" s="1"/>
    </row>
    <row r="1419" spans="21:21" x14ac:dyDescent="0.15">
      <c r="U1419" s="1"/>
    </row>
    <row r="1420" spans="21:21" x14ac:dyDescent="0.15">
      <c r="U1420" s="1"/>
    </row>
    <row r="1421" spans="21:21" x14ac:dyDescent="0.15">
      <c r="U1421" s="1"/>
    </row>
    <row r="1422" spans="21:21" x14ac:dyDescent="0.15">
      <c r="U1422" s="1"/>
    </row>
    <row r="1423" spans="21:21" x14ac:dyDescent="0.15">
      <c r="U1423" s="1"/>
    </row>
    <row r="1424" spans="21:21" x14ac:dyDescent="0.15">
      <c r="U1424" s="1"/>
    </row>
    <row r="1425" spans="21:21" x14ac:dyDescent="0.15">
      <c r="U1425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2</vt:i4>
      </vt:variant>
    </vt:vector>
  </HeadingPairs>
  <TitlesOfParts>
    <vt:vector size="22" baseType="lpstr">
      <vt:lpstr>京浜運河千鳥町</vt:lpstr>
      <vt:lpstr>東扇島防波堤西</vt:lpstr>
      <vt:lpstr>京浜運河扇町</vt:lpstr>
      <vt:lpstr>鶴見川河口先</vt:lpstr>
      <vt:lpstr>横浜港内</vt:lpstr>
      <vt:lpstr>磯子沖</vt:lpstr>
      <vt:lpstr>夏島沖</vt:lpstr>
      <vt:lpstr>浮島沖</vt:lpstr>
      <vt:lpstr>平潟湾内</vt:lpstr>
      <vt:lpstr>東扇島沖</vt:lpstr>
      <vt:lpstr>扇島沖</vt:lpstr>
      <vt:lpstr>本牧沖</vt:lpstr>
      <vt:lpstr>富岡沖</vt:lpstr>
      <vt:lpstr>平潟湾沖</vt:lpstr>
      <vt:lpstr>大津湾</vt:lpstr>
      <vt:lpstr>浦賀港内</vt:lpstr>
      <vt:lpstr>久里浜港内</vt:lpstr>
      <vt:lpstr>中の瀬北</vt:lpstr>
      <vt:lpstr>中の瀬南</vt:lpstr>
      <vt:lpstr>第三海堡東</vt:lpstr>
      <vt:lpstr>浦賀沖</vt:lpstr>
      <vt:lpstr>剱崎沖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12:01Z</dcterms:created>
  <dcterms:modified xsi:type="dcterms:W3CDTF">2020-03-21T09:39:22Z</dcterms:modified>
</cp:coreProperties>
</file>